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xl/drawings/drawing7.xml" ContentType="application/vnd.openxmlformats-officedocument.drawing+xml"/>
  <Override PartName="/xl/drawings/drawing8.xml" ContentType="application/vnd.openxmlformats-officedocument.drawing+xml"/>
  <Override PartName="/xl/drawings/drawing9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2527"/>
  <workbookPr/>
  <mc:AlternateContent xmlns:mc="http://schemas.openxmlformats.org/markup-compatibility/2006">
    <mc:Choice Requires="x15">
      <x15ac:absPath xmlns:x15ac="http://schemas.microsoft.com/office/spreadsheetml/2010/11/ac" url="https://asiandevbank.sharepoint.com/teams/org_ermr/ADO/2020/ADO/ClickHere/"/>
    </mc:Choice>
  </mc:AlternateContent>
  <xr:revisionPtr revIDLastSave="224" documentId="8_{23EEFC9C-1CB7-4455-BAE3-C1AA4E21B573}" xr6:coauthVersionLast="45" xr6:coauthVersionMax="45" xr10:uidLastSave="{412237C6-D9BD-4B45-9AF2-3A45DE68FEF5}"/>
  <bookViews>
    <workbookView xWindow="-98" yWindow="-98" windowWidth="20715" windowHeight="13276" tabRatio="760" activeTab="9" xr2:uid="{00000000-000D-0000-FFFF-FFFF00000000}"/>
  </bookViews>
  <sheets>
    <sheet name="Contents" sheetId="30" r:id="rId1"/>
    <sheet name="3.26.1" sheetId="1" r:id="rId2"/>
    <sheet name="3.26.2" sheetId="31" r:id="rId3"/>
    <sheet name="3.26.3" sheetId="34" r:id="rId4"/>
    <sheet name="3.26.4" sheetId="35" r:id="rId5"/>
    <sheet name="3.26.5" sheetId="36" r:id="rId6"/>
    <sheet name="3.26.6" sheetId="37" r:id="rId7"/>
    <sheet name="3.26.7" sheetId="38" r:id="rId8"/>
    <sheet name="3.26.8" sheetId="39" r:id="rId9"/>
    <sheet name="3.26.9" sheetId="40" r:id="rId10"/>
  </sheets>
  <externalReferences>
    <externalReference r:id="rId11"/>
    <externalReference r:id="rId12"/>
  </externalReferences>
  <definedNames>
    <definedName name="_Fill" localSheetId="2" hidden="1">'[1]1995'!#REF!</definedName>
    <definedName name="_Fill" localSheetId="3" hidden="1">'[1]1995'!#REF!</definedName>
    <definedName name="_Fill" localSheetId="4" hidden="1">'[1]1995'!#REF!</definedName>
    <definedName name="_Fill" hidden="1">'[1]1995'!#REF!</definedName>
    <definedName name="_Order1" hidden="1">255</definedName>
    <definedName name="_Order2" hidden="1">255</definedName>
    <definedName name="_xlnm.Print_Area" localSheetId="5">'3.26.5'!$I$1:$M$49</definedName>
    <definedName name="_xlnm.Print_Area" localSheetId="6">'3.26.6'!$I$1:$M$49</definedName>
    <definedName name="_xlnm.Print_Area" localSheetId="7">'3.26.7'!$I$1:$M$49</definedName>
    <definedName name="_xlnm.Print_Area" localSheetId="8">'3.26.8'!$I$1:$M$49</definedName>
    <definedName name="_xlnm.Print_Area" localSheetId="9">'3.26.9'!$I$1:$M$49</definedName>
  </definedNames>
  <calcPr calcId="191029"/>
  <fileRecoveryPr repairLoad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K14" i="40" l="1"/>
  <c r="K10" i="40"/>
  <c r="K8" i="40" a="1"/>
  <c r="K17" i="40" s="1"/>
  <c r="J17" i="40"/>
  <c r="J14" i="40"/>
  <c r="J13" i="40"/>
  <c r="J10" i="40"/>
  <c r="J9" i="40"/>
  <c r="J8" i="40" a="1"/>
  <c r="J16" i="40" s="1"/>
  <c r="K11" i="40" l="1"/>
  <c r="K15" i="40"/>
  <c r="J11" i="40"/>
  <c r="J15" i="40"/>
  <c r="K8" i="40"/>
  <c r="K12" i="40"/>
  <c r="K16" i="40"/>
  <c r="J8" i="40"/>
  <c r="J12" i="40"/>
  <c r="K9" i="40"/>
  <c r="K13" i="40"/>
</calcChain>
</file>

<file path=xl/sharedStrings.xml><?xml version="1.0" encoding="utf-8"?>
<sst xmlns="http://schemas.openxmlformats.org/spreadsheetml/2006/main" count="148" uniqueCount="88">
  <si>
    <t>Sheet</t>
  </si>
  <si>
    <t>Description</t>
  </si>
  <si>
    <t xml:space="preserve">Asian Development Bank </t>
  </si>
  <si>
    <t>&lt;&lt;&lt; back to content</t>
  </si>
  <si>
    <t>Access the complete publication at</t>
  </si>
  <si>
    <t>Gross domestic product</t>
  </si>
  <si>
    <t>Government consumption</t>
  </si>
  <si>
    <t>%</t>
  </si>
  <si>
    <t>Percentage points</t>
  </si>
  <si>
    <t>Agriculture</t>
  </si>
  <si>
    <t>Industry</t>
  </si>
  <si>
    <t>Asian Development Outlook 2020</t>
  </si>
  <si>
    <t>https://www.adb.org/ado2020</t>
  </si>
  <si>
    <t xml:space="preserve">Asian Development Outlook 2020: What Drives Innovation in Asia? </t>
  </si>
  <si>
    <r>
      <t xml:space="preserve">Sources: </t>
    </r>
    <r>
      <rPr>
        <i/>
        <sz val="10"/>
        <color theme="1"/>
        <rFont val="Arial"/>
        <family val="2"/>
      </rPr>
      <t>Asian Development Outlook</t>
    </r>
    <r>
      <rPr>
        <sz val="10"/>
        <color theme="1"/>
        <rFont val="Arial"/>
        <family val="2"/>
      </rPr>
      <t xml:space="preserve"> database; CEIC Data Company (accessed 12 March 2020).</t>
    </r>
  </si>
  <si>
    <t>Malaysia</t>
  </si>
  <si>
    <t>3.26.1</t>
  </si>
  <si>
    <t>3.26.1 Demand-side contributions to GDP growth</t>
  </si>
  <si>
    <t>3.26.2</t>
  </si>
  <si>
    <t>3.26.2 Supply-side contributions to GDP growth</t>
  </si>
  <si>
    <t>3.26.3</t>
  </si>
  <si>
    <t>3.26.4</t>
  </si>
  <si>
    <t>3.26.5</t>
  </si>
  <si>
    <t>3.26.6</t>
  </si>
  <si>
    <t>3.26.7</t>
  </si>
  <si>
    <t>3.26.8</t>
  </si>
  <si>
    <t>3.26.8 Exports and imports growth</t>
  </si>
  <si>
    <t>3.26.9</t>
  </si>
  <si>
    <t>3.26.9 Unemployment rate</t>
  </si>
  <si>
    <t>Private consumptpion</t>
  </si>
  <si>
    <t>Change in stocks</t>
  </si>
  <si>
    <t>Exports</t>
  </si>
  <si>
    <t>Imports</t>
  </si>
  <si>
    <t>GDP growth</t>
  </si>
  <si>
    <t>Public gross fixed capital formation</t>
  </si>
  <si>
    <t>Private gross fixed capital formation</t>
  </si>
  <si>
    <t>Sources: Haver Analytics; Bank Negara Malaysia. 2020. Monthly Statistical Bulletin. February. http://www.bnm.gov.my (accessed 28 February 2020).</t>
  </si>
  <si>
    <t>3.26.2 Supply-side contributions to growth</t>
  </si>
  <si>
    <t>Services</t>
  </si>
  <si>
    <t>Import duties</t>
  </si>
  <si>
    <t>Overall</t>
  </si>
  <si>
    <t>Core inflation</t>
  </si>
  <si>
    <t>3.26.3 Monthly inflation</t>
  </si>
  <si>
    <t>Sources: Haver Analytics; Bank Negara Malaysia. 2020. Monthly Highlights and Statistics. March. http://www.bnm.gov.my (accessed 9 March 2020).</t>
  </si>
  <si>
    <t>3.26.4 Current account balance components</t>
  </si>
  <si>
    <t>Current account</t>
  </si>
  <si>
    <t>Exports of goods</t>
  </si>
  <si>
    <t>Imports of Goods</t>
  </si>
  <si>
    <t>Net services and income</t>
  </si>
  <si>
    <t>(% of GDP)</t>
  </si>
  <si>
    <t>Sources: Haver Analytics; Bank Negara Malaysia. 2020. Monthly Highlights and Statistics. March. http://www.bnm.gov.my (accessed 9 March 2019).</t>
  </si>
  <si>
    <t>Asian Development Outlook 2020: What drives innovation in Asia?</t>
  </si>
  <si>
    <t>(%)</t>
  </si>
  <si>
    <t>5-year moving average</t>
  </si>
  <si>
    <t>Q1 2016</t>
  </si>
  <si>
    <t>Q1 2017</t>
  </si>
  <si>
    <t>Q1 2018</t>
  </si>
  <si>
    <t>Q1 2019</t>
  </si>
  <si>
    <t>Q2 2016</t>
  </si>
  <si>
    <t>Q3 2016</t>
  </si>
  <si>
    <t>Q4 2016</t>
  </si>
  <si>
    <t>Q2 2017</t>
  </si>
  <si>
    <t>Q3 2017</t>
  </si>
  <si>
    <t>Q4 2017</t>
  </si>
  <si>
    <t>Q2 2018</t>
  </si>
  <si>
    <t>Q3 2018</t>
  </si>
  <si>
    <t>Q4 2018</t>
  </si>
  <si>
    <t>Q2 2019</t>
  </si>
  <si>
    <t>Q3 2019</t>
  </si>
  <si>
    <t>Q4 2019</t>
  </si>
  <si>
    <t>Consumer confidence</t>
  </si>
  <si>
    <t>Business confidence</t>
  </si>
  <si>
    <t>3.26.5 Consumer and business confidence indexes</t>
  </si>
  <si>
    <t>3.26.5 Consumer and business confidence index</t>
  </si>
  <si>
    <t>Note: Above 100 indicates improvement in business conditions and rising consumer confidence.</t>
  </si>
  <si>
    <t>Source: Haver Analytics (accessed 9 March 2020).</t>
  </si>
  <si>
    <t>3.26.6 GDP growth</t>
  </si>
  <si>
    <t>Source: Asian Development Outlook database.</t>
  </si>
  <si>
    <t xml:space="preserve">Forecast </t>
  </si>
  <si>
    <t>3.26.7 Inflation</t>
  </si>
  <si>
    <t>Inflation</t>
  </si>
  <si>
    <t>Source: Haver Analytics (accessed 10 March 2020).</t>
  </si>
  <si>
    <t>(% change year on year, 3-month moving average)</t>
  </si>
  <si>
    <t>(% change year on year)</t>
  </si>
  <si>
    <t>Note: Youth unemployment refers to the share of the labor force ages 15-24 without work but available for and seeking employment.</t>
  </si>
  <si>
    <t>Source: The World Bank database, https://data.worldbank.org/indicator (accessed 10 March 2020).</t>
  </si>
  <si>
    <t>3.26.6 Annual GDP</t>
  </si>
  <si>
    <t>3.26.1 Demand-side contributions to growt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43" formatCode="_(* #,##0.00_);_(* \(#,##0.00\);_(* &quot;-&quot;??_);_(@_)"/>
    <numFmt numFmtId="164" formatCode="0.0"/>
    <numFmt numFmtId="165" formatCode="mm/yyyy"/>
    <numFmt numFmtId="166" formatCode="\ [$]m/yyyy"/>
    <numFmt numFmtId="167" formatCode="\ [$]mm/yyyy"/>
    <numFmt numFmtId="168" formatCode="#,##0.0"/>
  </numFmts>
  <fonts count="22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name val="Arial"/>
      <family val="2"/>
    </font>
    <font>
      <sz val="10"/>
      <name val="Arial"/>
      <family val="2"/>
    </font>
    <font>
      <u/>
      <sz val="11"/>
      <color indexed="12"/>
      <name val="Arial"/>
      <family val="2"/>
    </font>
    <font>
      <sz val="9"/>
      <color theme="1"/>
      <name val="Arial"/>
      <family val="2"/>
    </font>
    <font>
      <sz val="10"/>
      <color theme="1"/>
      <name val="Arial"/>
      <family val="2"/>
    </font>
    <font>
      <b/>
      <sz val="10"/>
      <color theme="1"/>
      <name val="Arial"/>
      <family val="2"/>
    </font>
    <font>
      <u/>
      <sz val="11"/>
      <color theme="10"/>
      <name val="Calibri"/>
      <family val="2"/>
      <scheme val="minor"/>
    </font>
    <font>
      <i/>
      <sz val="10"/>
      <color theme="1"/>
      <name val="Arial"/>
      <family val="2"/>
    </font>
    <font>
      <b/>
      <sz val="12"/>
      <color theme="1"/>
      <name val="Arial"/>
      <family val="2"/>
    </font>
    <font>
      <u/>
      <sz val="10"/>
      <color indexed="12"/>
      <name val="Arial"/>
      <family val="2"/>
    </font>
    <font>
      <sz val="11"/>
      <color theme="1"/>
      <name val="Arial"/>
      <family val="2"/>
    </font>
    <font>
      <sz val="8"/>
      <name val="Calibri"/>
      <family val="2"/>
      <scheme val="minor"/>
    </font>
    <font>
      <u/>
      <sz val="11"/>
      <color theme="10"/>
      <name val="Arial"/>
      <family val="2"/>
    </font>
    <font>
      <u/>
      <sz val="10"/>
      <color theme="10"/>
      <name val="Arial"/>
      <family val="2"/>
    </font>
    <font>
      <b/>
      <sz val="10"/>
      <name val="Arial"/>
      <family val="2"/>
    </font>
    <font>
      <b/>
      <sz val="9.5"/>
      <color rgb="FF000000"/>
      <name val="Arial"/>
      <family val="2"/>
    </font>
    <font>
      <sz val="8"/>
      <color indexed="10"/>
      <name val="Arial"/>
      <family val="2"/>
    </font>
    <font>
      <sz val="9"/>
      <name val="Arial"/>
      <family val="2"/>
    </font>
    <font>
      <sz val="8"/>
      <name val="Arial"/>
      <family val="2"/>
    </font>
    <font>
      <b/>
      <sz val="10"/>
      <color rgb="FFFF0000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rgb="FF0099D8"/>
        <bgColor indexed="64"/>
      </patternFill>
    </fill>
    <fill>
      <patternFill patternType="solid">
        <fgColor theme="0"/>
        <bgColor indexed="64"/>
      </patternFill>
    </fill>
  </fills>
  <borders count="2">
    <border>
      <left/>
      <right/>
      <top/>
      <bottom/>
      <diagonal/>
    </border>
    <border>
      <left/>
      <right/>
      <top/>
      <bottom style="double">
        <color indexed="64"/>
      </bottom>
      <diagonal/>
    </border>
  </borders>
  <cellStyleXfs count="16">
    <xf numFmtId="0" fontId="0" fillId="0" borderId="0"/>
    <xf numFmtId="0" fontId="1" fillId="0" borderId="0"/>
    <xf numFmtId="0" fontId="2" fillId="0" borderId="0"/>
    <xf numFmtId="43" fontId="2" fillId="0" borderId="0" applyFont="0" applyFill="0" applyBorder="0" applyAlignment="0" applyProtection="0"/>
    <xf numFmtId="0" fontId="3" fillId="0" borderId="0"/>
    <xf numFmtId="43" fontId="3" fillId="0" borderId="0" applyFont="0" applyFill="0" applyBorder="0" applyAlignment="0" applyProtection="0"/>
    <xf numFmtId="0" fontId="4" fillId="0" borderId="0" applyNumberFormat="0" applyFill="0" applyBorder="0" applyAlignment="0" applyProtection="0">
      <alignment vertical="top"/>
      <protection locked="0"/>
    </xf>
    <xf numFmtId="0" fontId="8" fillId="0" borderId="0" applyNumberFormat="0" applyFill="0" applyBorder="0" applyAlignment="0" applyProtection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14" fillId="0" borderId="0" applyNumberFormat="0" applyFill="0" applyBorder="0" applyAlignment="0" applyProtection="0"/>
    <xf numFmtId="0" fontId="2" fillId="0" borderId="0"/>
  </cellStyleXfs>
  <cellXfs count="76">
    <xf numFmtId="0" fontId="0" fillId="0" borderId="0" xfId="0"/>
    <xf numFmtId="0" fontId="6" fillId="0" borderId="0" xfId="0" applyFont="1" applyAlignment="1">
      <alignment horizontal="left"/>
    </xf>
    <xf numFmtId="0" fontId="6" fillId="0" borderId="0" xfId="0" applyFont="1"/>
    <xf numFmtId="0" fontId="6" fillId="2" borderId="0" xfId="0" applyFont="1" applyFill="1"/>
    <xf numFmtId="0" fontId="6" fillId="0" borderId="0" xfId="0" quotePrefix="1" applyFont="1" applyAlignment="1">
      <alignment horizontal="left"/>
    </xf>
    <xf numFmtId="0" fontId="7" fillId="0" borderId="0" xfId="0" applyFont="1"/>
    <xf numFmtId="164" fontId="6" fillId="0" borderId="0" xfId="0" applyNumberFormat="1" applyFont="1"/>
    <xf numFmtId="164" fontId="3" fillId="0" borderId="0" xfId="0" applyNumberFormat="1" applyFont="1"/>
    <xf numFmtId="165" fontId="6" fillId="0" borderId="0" xfId="0" applyNumberFormat="1" applyFont="1"/>
    <xf numFmtId="0" fontId="9" fillId="0" borderId="0" xfId="0" applyFont="1" applyAlignment="1"/>
    <xf numFmtId="0" fontId="7" fillId="0" borderId="0" xfId="0" applyFont="1" applyAlignment="1"/>
    <xf numFmtId="0" fontId="11" fillId="0" borderId="0" xfId="6" applyFont="1" applyAlignment="1" applyProtection="1"/>
    <xf numFmtId="0" fontId="6" fillId="0" borderId="1" xfId="0" applyFont="1" applyBorder="1" applyAlignment="1">
      <alignment horizontal="right" wrapText="1"/>
    </xf>
    <xf numFmtId="0" fontId="6" fillId="0" borderId="1" xfId="0" applyFont="1" applyBorder="1" applyAlignment="1">
      <alignment horizontal="right"/>
    </xf>
    <xf numFmtId="0" fontId="10" fillId="0" borderId="0" xfId="0" applyFont="1" applyAlignment="1"/>
    <xf numFmtId="165" fontId="6" fillId="0" borderId="0" xfId="0" applyNumberFormat="1" applyFont="1" applyAlignment="1">
      <alignment vertical="top" wrapText="1"/>
    </xf>
    <xf numFmtId="0" fontId="6" fillId="3" borderId="0" xfId="0" applyFont="1" applyFill="1"/>
    <xf numFmtId="0" fontId="9" fillId="3" borderId="0" xfId="0" applyFont="1" applyFill="1" applyAlignment="1"/>
    <xf numFmtId="0" fontId="10" fillId="3" borderId="0" xfId="0" applyFont="1" applyFill="1" applyAlignment="1"/>
    <xf numFmtId="0" fontId="7" fillId="3" borderId="0" xfId="0" applyFont="1" applyFill="1"/>
    <xf numFmtId="0" fontId="5" fillId="3" borderId="0" xfId="0" applyFont="1" applyFill="1"/>
    <xf numFmtId="0" fontId="3" fillId="0" borderId="0" xfId="10" applyFont="1" applyAlignment="1">
      <alignment horizontal="right"/>
    </xf>
    <xf numFmtId="164" fontId="6" fillId="0" borderId="0" xfId="0" applyNumberFormat="1" applyFont="1" applyAlignment="1">
      <alignment vertical="top" wrapText="1"/>
    </xf>
    <xf numFmtId="166" fontId="6" fillId="0" borderId="0" xfId="11" applyNumberFormat="1" applyFont="1" applyAlignment="1">
      <alignment horizontal="right"/>
    </xf>
    <xf numFmtId="0" fontId="6" fillId="0" borderId="0" xfId="11" applyFont="1" applyAlignment="1">
      <alignment horizontal="right"/>
    </xf>
    <xf numFmtId="0" fontId="4" fillId="0" borderId="0" xfId="6" applyAlignment="1" applyProtection="1"/>
    <xf numFmtId="0" fontId="6" fillId="0" borderId="0" xfId="0" applyFont="1" applyFill="1"/>
    <xf numFmtId="0" fontId="6" fillId="0" borderId="1" xfId="0" applyFont="1" applyFill="1" applyBorder="1" applyAlignment="1">
      <alignment horizontal="center"/>
    </xf>
    <xf numFmtId="164" fontId="6" fillId="0" borderId="0" xfId="0" applyNumberFormat="1" applyFont="1" applyFill="1"/>
    <xf numFmtId="164" fontId="3" fillId="0" borderId="0" xfId="0" applyNumberFormat="1" applyFont="1" applyFill="1"/>
    <xf numFmtId="0" fontId="0" fillId="0" borderId="0" xfId="0" applyBorder="1" applyAlignment="1">
      <alignment vertical="top" wrapText="1"/>
    </xf>
    <xf numFmtId="0" fontId="6" fillId="0" borderId="0" xfId="0" applyFont="1" applyFill="1" applyBorder="1" applyAlignment="1">
      <alignment horizontal="center" vertical="top" wrapText="1"/>
    </xf>
    <xf numFmtId="0" fontId="6" fillId="0" borderId="0" xfId="0" applyFont="1" applyBorder="1" applyAlignment="1">
      <alignment horizontal="center" vertical="top" wrapText="1"/>
    </xf>
    <xf numFmtId="0" fontId="9" fillId="0" borderId="1" xfId="0" applyFont="1" applyBorder="1" applyAlignment="1">
      <alignment horizontal="center"/>
    </xf>
    <xf numFmtId="0" fontId="12" fillId="0" borderId="0" xfId="0" applyFont="1"/>
    <xf numFmtId="0" fontId="12" fillId="0" borderId="0" xfId="0" applyFont="1" applyAlignment="1">
      <alignment vertical="center"/>
    </xf>
    <xf numFmtId="164" fontId="3" fillId="0" borderId="0" xfId="0" applyNumberFormat="1" applyFont="1" applyAlignment="1">
      <alignment horizontal="center"/>
    </xf>
    <xf numFmtId="164" fontId="6" fillId="0" borderId="0" xfId="0" applyNumberFormat="1" applyFont="1" applyAlignment="1">
      <alignment horizontal="center"/>
    </xf>
    <xf numFmtId="0" fontId="6" fillId="0" borderId="1" xfId="0" applyFont="1" applyBorder="1" applyAlignment="1">
      <alignment horizontal="center" vertical="center" wrapText="1"/>
    </xf>
    <xf numFmtId="17" fontId="3" fillId="0" borderId="0" xfId="0" applyNumberFormat="1" applyFont="1" applyAlignment="1">
      <alignment horizontal="center"/>
    </xf>
    <xf numFmtId="0" fontId="6" fillId="0" borderId="0" xfId="12" applyFont="1" applyAlignment="1">
      <alignment horizontal="left"/>
    </xf>
    <xf numFmtId="0" fontId="3" fillId="0" borderId="0" xfId="13" applyFont="1"/>
    <xf numFmtId="0" fontId="2" fillId="0" borderId="0" xfId="12"/>
    <xf numFmtId="0" fontId="3" fillId="2" borderId="0" xfId="13" applyFont="1" applyFill="1"/>
    <xf numFmtId="167" fontId="15" fillId="0" borderId="0" xfId="14" applyNumberFormat="1" applyFont="1" applyFill="1"/>
    <xf numFmtId="0" fontId="3" fillId="0" borderId="0" xfId="12" applyFont="1"/>
    <xf numFmtId="0" fontId="6" fillId="0" borderId="0" xfId="12" quotePrefix="1" applyFont="1" applyAlignment="1">
      <alignment horizontal="left"/>
    </xf>
    <xf numFmtId="0" fontId="3" fillId="0" borderId="0" xfId="15" applyFont="1"/>
    <xf numFmtId="0" fontId="16" fillId="0" borderId="0" xfId="12" applyFont="1"/>
    <xf numFmtId="0" fontId="15" fillId="0" borderId="0" xfId="14" quotePrefix="1" applyFont="1"/>
    <xf numFmtId="0" fontId="17" fillId="0" borderId="0" xfId="12" applyFont="1" applyAlignment="1">
      <alignment horizontal="left" vertical="center" readingOrder="1"/>
    </xf>
    <xf numFmtId="0" fontId="6" fillId="0" borderId="0" xfId="12" applyFont="1"/>
    <xf numFmtId="0" fontId="18" fillId="0" borderId="0" xfId="12" applyFont="1" applyAlignment="1">
      <alignment horizontal="center"/>
    </xf>
    <xf numFmtId="0" fontId="19" fillId="0" borderId="1" xfId="12" applyFont="1" applyBorder="1" applyAlignment="1">
      <alignment horizontal="center"/>
    </xf>
    <xf numFmtId="0" fontId="19" fillId="0" borderId="1" xfId="12" applyFont="1" applyBorder="1" applyAlignment="1">
      <alignment horizontal="center" wrapText="1"/>
    </xf>
    <xf numFmtId="0" fontId="19" fillId="0" borderId="0" xfId="12" applyFont="1" applyAlignment="1">
      <alignment horizontal="center" wrapText="1"/>
    </xf>
    <xf numFmtId="1" fontId="3" fillId="0" borderId="0" xfId="12" applyNumberFormat="1" applyFont="1"/>
    <xf numFmtId="168" fontId="3" fillId="0" borderId="0" xfId="12" applyNumberFormat="1" applyFont="1" applyAlignment="1">
      <alignment horizontal="center"/>
    </xf>
    <xf numFmtId="164" fontId="3" fillId="0" borderId="0" xfId="3" applyNumberFormat="1" applyFont="1" applyBorder="1" applyAlignment="1">
      <alignment horizontal="center"/>
    </xf>
    <xf numFmtId="164" fontId="20" fillId="0" borderId="0" xfId="3" applyNumberFormat="1" applyFont="1" applyBorder="1" applyAlignment="1">
      <alignment horizontal="center"/>
    </xf>
    <xf numFmtId="0" fontId="21" fillId="0" borderId="0" xfId="12" applyFont="1"/>
    <xf numFmtId="0" fontId="3" fillId="0" borderId="0" xfId="12" applyFont="1" applyAlignment="1">
      <alignment horizontal="center"/>
    </xf>
    <xf numFmtId="164" fontId="3" fillId="0" borderId="0" xfId="3" applyNumberFormat="1" applyFont="1" applyAlignment="1">
      <alignment horizontal="center"/>
    </xf>
    <xf numFmtId="168" fontId="3" fillId="0" borderId="0" xfId="3" applyNumberFormat="1" applyFont="1" applyAlignment="1">
      <alignment horizontal="center"/>
    </xf>
    <xf numFmtId="0" fontId="19" fillId="0" borderId="1" xfId="0" applyFont="1" applyBorder="1" applyAlignment="1">
      <alignment horizontal="center" vertical="center" wrapText="1"/>
    </xf>
    <xf numFmtId="0" fontId="9" fillId="3" borderId="0" xfId="0" applyFont="1" applyFill="1" applyAlignment="1">
      <alignment horizontal="center"/>
    </xf>
    <xf numFmtId="0" fontId="10" fillId="3" borderId="0" xfId="0" applyFont="1" applyFill="1" applyAlignment="1">
      <alignment horizontal="center"/>
    </xf>
    <xf numFmtId="0" fontId="9" fillId="0" borderId="1" xfId="0" applyFont="1" applyBorder="1" applyAlignment="1">
      <alignment horizontal="center" wrapText="1"/>
    </xf>
    <xf numFmtId="17" fontId="0" fillId="0" borderId="0" xfId="0" applyNumberFormat="1"/>
    <xf numFmtId="164" fontId="3" fillId="0" borderId="0" xfId="12" applyNumberFormat="1" applyFont="1" applyAlignment="1">
      <alignment horizontal="center" vertical="center"/>
    </xf>
    <xf numFmtId="0" fontId="2" fillId="0" borderId="0" xfId="0" applyFont="1"/>
    <xf numFmtId="0" fontId="3" fillId="0" borderId="0" xfId="12" applyNumberFormat="1" applyFont="1" applyAlignment="1">
      <alignment horizontal="center" vertical="center"/>
    </xf>
    <xf numFmtId="0" fontId="5" fillId="0" borderId="0" xfId="0" applyFont="1"/>
    <xf numFmtId="0" fontId="19" fillId="0" borderId="0" xfId="12" applyFont="1"/>
    <xf numFmtId="17" fontId="5" fillId="0" borderId="0" xfId="0" applyNumberFormat="1" applyFont="1"/>
    <xf numFmtId="0" fontId="4" fillId="0" borderId="0" xfId="6" applyAlignment="1" applyProtection="1">
      <alignment vertical="center"/>
    </xf>
  </cellXfs>
  <cellStyles count="16">
    <cellStyle name="Comma 2" xfId="3" xr:uid="{00000000-0005-0000-0000-000000000000}"/>
    <cellStyle name="Comma 3" xfId="5" xr:uid="{00000000-0005-0000-0000-000001000000}"/>
    <cellStyle name="Hyperlink" xfId="6" builtinId="8"/>
    <cellStyle name="Hyperlink 2" xfId="7" xr:uid="{00000000-0005-0000-0000-000003000000}"/>
    <cellStyle name="Hyperlink 3" xfId="14" xr:uid="{F4647F0D-3563-41C4-A278-39BF82FB9AAF}"/>
    <cellStyle name="Normal" xfId="0" builtinId="0"/>
    <cellStyle name="Normal 10 2" xfId="12" xr:uid="{00000000-0005-0000-0000-000005000000}"/>
    <cellStyle name="Normal 13" xfId="9" xr:uid="{00000000-0005-0000-0000-000006000000}"/>
    <cellStyle name="Normal 14" xfId="13" xr:uid="{B721C2ED-24B9-4A12-8EC2-6381C58BC693}"/>
    <cellStyle name="Normal 19" xfId="11" xr:uid="{00000000-0005-0000-0000-000007000000}"/>
    <cellStyle name="Normal 2" xfId="1" xr:uid="{00000000-0005-0000-0000-000008000000}"/>
    <cellStyle name="Normal 2 2" xfId="2" xr:uid="{00000000-0005-0000-0000-000009000000}"/>
    <cellStyle name="Normal 3" xfId="4" xr:uid="{00000000-0005-0000-0000-00000A000000}"/>
    <cellStyle name="Normal 3 2" xfId="15" xr:uid="{38FCB707-68D0-4926-B905-6DD24024AEE9}"/>
    <cellStyle name="Normal 6" xfId="10" xr:uid="{00000000-0005-0000-0000-00000B000000}"/>
    <cellStyle name="Normal 9 2 2" xfId="8" xr:uid="{00000000-0005-0000-0000-00000C000000}"/>
  </cellStyles>
  <dxfs count="0"/>
  <tableStyles count="0" defaultTableStyle="TableStyleMedium2" defaultPivotStyle="PivotStyleLight16"/>
  <colors>
    <mruColors>
      <color rgb="FF0099D8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18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2.xml"/><Relationship Id="rId1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6" Type="http://schemas.openxmlformats.org/officeDocument/2006/relationships/calcChain" Target="calcChain.xml"/><Relationship Id="rId20" Type="http://schemas.openxmlformats.org/officeDocument/2006/relationships/customXml" Target="../customXml/item4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customXml" Target="../customXml/item3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4.png"/></Relationships>
</file>

<file path=xl/drawings/_rels/drawing5.xml.rels><?xml version="1.0" encoding="UTF-8" standalone="yes"?>
<Relationships xmlns="http://schemas.openxmlformats.org/package/2006/relationships"><Relationship Id="rId1" Type="http://schemas.openxmlformats.org/officeDocument/2006/relationships/image" Target="../media/image5.png"/></Relationships>
</file>

<file path=xl/drawings/_rels/drawing6.xml.rels><?xml version="1.0" encoding="UTF-8" standalone="yes"?>
<Relationships xmlns="http://schemas.openxmlformats.org/package/2006/relationships"><Relationship Id="rId1" Type="http://schemas.openxmlformats.org/officeDocument/2006/relationships/image" Target="../media/image6.png"/></Relationships>
</file>

<file path=xl/drawings/_rels/drawing7.xml.rels><?xml version="1.0" encoding="UTF-8" standalone="yes"?>
<Relationships xmlns="http://schemas.openxmlformats.org/package/2006/relationships"><Relationship Id="rId1" Type="http://schemas.openxmlformats.org/officeDocument/2006/relationships/image" Target="../media/image7.png"/></Relationships>
</file>

<file path=xl/drawings/_rels/drawing8.xml.rels><?xml version="1.0" encoding="UTF-8" standalone="yes"?>
<Relationships xmlns="http://schemas.openxmlformats.org/package/2006/relationships"><Relationship Id="rId1" Type="http://schemas.openxmlformats.org/officeDocument/2006/relationships/image" Target="../media/image8.png"/></Relationships>
</file>

<file path=xl/drawings/_rels/drawing9.xml.rels><?xml version="1.0" encoding="UTF-8" standalone="yes"?>
<Relationships xmlns="http://schemas.openxmlformats.org/package/2006/relationships"><Relationship Id="rId1" Type="http://schemas.openxmlformats.org/officeDocument/2006/relationships/image" Target="../media/image9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269875</xdr:colOff>
      <xdr:row>5</xdr:row>
      <xdr:rowOff>39687</xdr:rowOff>
    </xdr:from>
    <xdr:to>
      <xdr:col>8</xdr:col>
      <xdr:colOff>260044</xdr:colOff>
      <xdr:row>46</xdr:row>
      <xdr:rowOff>31750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05A387E0-1E5E-4BD1-B9BC-8F17DB12A70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69875" y="857250"/>
          <a:ext cx="5197169" cy="6873875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4</xdr:row>
      <xdr:rowOff>77389</xdr:rowOff>
    </xdr:from>
    <xdr:to>
      <xdr:col>8</xdr:col>
      <xdr:colOff>348846</xdr:colOff>
      <xdr:row>42</xdr:row>
      <xdr:rowOff>46452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0D2419EF-B54F-416F-8BB3-A6F3E6F3ECA7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738187"/>
          <a:ext cx="5587596" cy="6297234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35720</xdr:colOff>
      <xdr:row>4</xdr:row>
      <xdr:rowOff>159489</xdr:rowOff>
    </xdr:from>
    <xdr:to>
      <xdr:col>7</xdr:col>
      <xdr:colOff>809815</xdr:colOff>
      <xdr:row>38</xdr:row>
      <xdr:rowOff>135849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220D99ED-6855-4532-BD10-7B310B141DC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35720" y="820287"/>
          <a:ext cx="5358001" cy="5727078"/>
        </a:xfrm>
        <a:prstGeom prst="rect">
          <a:avLst/>
        </a:prstGeom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0</xdr:colOff>
      <xdr:row>5</xdr:row>
      <xdr:rowOff>150812</xdr:rowOff>
    </xdr:from>
    <xdr:to>
      <xdr:col>8</xdr:col>
      <xdr:colOff>325438</xdr:colOff>
      <xdr:row>42</xdr:row>
      <xdr:rowOff>63238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5F48BCA0-0520-46A0-A2BE-33DEE2202EB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0" y="968375"/>
          <a:ext cx="5532438" cy="6016363"/>
        </a:xfrm>
        <a:prstGeom prst="rect">
          <a:avLst/>
        </a:prstGeom>
      </xdr:spPr>
    </xdr:pic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35984</xdr:colOff>
      <xdr:row>5</xdr:row>
      <xdr:rowOff>119061</xdr:rowOff>
    </xdr:from>
    <xdr:to>
      <xdr:col>5</xdr:col>
      <xdr:colOff>623541</xdr:colOff>
      <xdr:row>38</xdr:row>
      <xdr:rowOff>41671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011FA453-FFC8-4691-8455-59EF0400FB4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35984" y="988217"/>
          <a:ext cx="4892870" cy="5756673"/>
        </a:xfrm>
        <a:prstGeom prst="rect">
          <a:avLst/>
        </a:prstGeom>
      </xdr:spPr>
    </xdr:pic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23826</xdr:colOff>
      <xdr:row>5</xdr:row>
      <xdr:rowOff>152399</xdr:rowOff>
    </xdr:from>
    <xdr:to>
      <xdr:col>5</xdr:col>
      <xdr:colOff>454587</xdr:colOff>
      <xdr:row>24</xdr:row>
      <xdr:rowOff>57150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BFBF6EAB-30D8-4A91-BFB7-80BC562776D6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23826" y="1014412"/>
          <a:ext cx="3759761" cy="3295651"/>
        </a:xfrm>
        <a:prstGeom prst="rect">
          <a:avLst/>
        </a:prstGeom>
      </xdr:spPr>
    </xdr:pic>
    <xdr:clientData/>
  </xdr:twoCellAnchor>
</xdr:wsDr>
</file>

<file path=xl/drawings/drawing7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04776</xdr:colOff>
      <xdr:row>5</xdr:row>
      <xdr:rowOff>33337</xdr:rowOff>
    </xdr:from>
    <xdr:to>
      <xdr:col>5</xdr:col>
      <xdr:colOff>528132</xdr:colOff>
      <xdr:row>22</xdr:row>
      <xdr:rowOff>75389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87DA9AF0-05E7-42E7-9133-757BC46EEDB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04776" y="895350"/>
          <a:ext cx="3852356" cy="3090052"/>
        </a:xfrm>
        <a:prstGeom prst="rect">
          <a:avLst/>
        </a:prstGeom>
      </xdr:spPr>
    </xdr:pic>
    <xdr:clientData/>
  </xdr:twoCellAnchor>
</xdr:wsDr>
</file>

<file path=xl/drawings/drawing8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4763</xdr:colOff>
      <xdr:row>4</xdr:row>
      <xdr:rowOff>85725</xdr:rowOff>
    </xdr:from>
    <xdr:to>
      <xdr:col>5</xdr:col>
      <xdr:colOff>541202</xdr:colOff>
      <xdr:row>26</xdr:row>
      <xdr:rowOff>56145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4948139B-0082-4039-9ED8-4FD031952699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4763" y="776288"/>
          <a:ext cx="3965439" cy="3932820"/>
        </a:xfrm>
        <a:prstGeom prst="rect">
          <a:avLst/>
        </a:prstGeom>
      </xdr:spPr>
    </xdr:pic>
    <xdr:clientData/>
  </xdr:twoCellAnchor>
</xdr:wsDr>
</file>

<file path=xl/drawings/drawing9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04775</xdr:colOff>
      <xdr:row>4</xdr:row>
      <xdr:rowOff>108032</xdr:rowOff>
    </xdr:from>
    <xdr:to>
      <xdr:col>5</xdr:col>
      <xdr:colOff>504825</xdr:colOff>
      <xdr:row>31</xdr:row>
      <xdr:rowOff>132126</xdr:rowOff>
    </xdr:to>
    <xdr:pic>
      <xdr:nvPicPr>
        <xdr:cNvPr id="3" name="Picture 2">
          <a:extLst>
            <a:ext uri="{FF2B5EF4-FFF2-40B4-BE49-F238E27FC236}">
              <a16:creationId xmlns:a16="http://schemas.microsoft.com/office/drawing/2014/main" id="{417B20BF-65E8-4476-A949-E1A7C6E60F2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04775" y="798595"/>
          <a:ext cx="3829050" cy="4738969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Economic%20Bulletin/Documents%20and%20Settings/Developer/Application%20Data/Microsoft/Excel/Phil%20Econ%20data/Econ%20Data/FOREX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8\AppData\Roaming\Microsoft\Excel\ADO2020_3%20(version%201).xlsb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SP Historical"/>
      <sheetName val="2007_2008 BSP"/>
      <sheetName val="2007"/>
      <sheetName val="2006"/>
      <sheetName val="2005"/>
      <sheetName val="2004"/>
      <sheetName val="2003"/>
      <sheetName val="2002"/>
      <sheetName val="2001  (Treasury-PDS)"/>
      <sheetName val="2001 (BSP)"/>
      <sheetName val="2000  (Treasury-PDS)"/>
      <sheetName val="2000(BSP)"/>
      <sheetName val="1999"/>
      <sheetName val="1998"/>
      <sheetName val="1997"/>
      <sheetName val="1996"/>
      <sheetName val="1995"/>
      <sheetName val="1994"/>
      <sheetName val="1993"/>
      <sheetName val="Summary"/>
      <sheetName val="Exchange Rate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ist"/>
      <sheetName val="3.26.1 ctg dem"/>
      <sheetName val="3.26.1 GDP demand"/>
      <sheetName val="3.26.1 trade ratio"/>
      <sheetName val="gdp"/>
      <sheetName val="3.26.3 Investment"/>
      <sheetName val="3.26.2 ctg sup"/>
      <sheetName val="3.26.2 consumption"/>
      <sheetName val="3.26.3 monthly inflation"/>
      <sheetName val="3.26.4 cab"/>
      <sheetName val="3.26.5 Fiscal"/>
      <sheetName val="3.26.5 gdp 4cast"/>
      <sheetName val="extra"/>
      <sheetName val="Data_uryouth"/>
      <sheetName val="HH debt"/>
      <sheetName val="Data_urall"/>
      <sheetName val="Data_xHA"/>
      <sheetName val="extra4"/>
      <sheetName val="Data_xCEIC"/>
      <sheetName val="3.26.6 cons conf"/>
      <sheetName val="3.26.7  Mfg"/>
      <sheetName val="3.26.7 annual inflation"/>
      <sheetName val="3.26.8 exports &amp; imports"/>
      <sheetName val="3.26.9 youth ur"/>
      <sheetName val="3.26.9 shr investment"/>
      <sheetName val="3.26.8 Inf 4cast"/>
      <sheetName val="3.26.9 PISA with OECD"/>
      <sheetName val="3.26.5 Exchange rate"/>
      <sheetName val="3.26.4 TAPIS"/>
      <sheetName val="3.6.xx trade ind"/>
      <sheetName val="3.26.6 M3"/>
      <sheetName val="3.6.7 Fin Acct"/>
      <sheetName val="3.6.x Credit"/>
      <sheetName val="3.26.xx Fiscal"/>
      <sheetName val="3.6.9 HHdebt"/>
      <sheetName val="3.6.10 CAB 4cas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>
        <row r="176">
          <cell r="BA176">
            <v>1.5240000486373899</v>
          </cell>
          <cell r="BB176">
            <v>1.2599999904632599</v>
          </cell>
          <cell r="BC176">
            <v>0.70700001716613803</v>
          </cell>
          <cell r="BD176">
            <v>0.47699999809265098</v>
          </cell>
          <cell r="BE176">
            <v>0.46500000357627902</v>
          </cell>
          <cell r="BF176">
            <v>0.47799998521804798</v>
          </cell>
          <cell r="BG176">
            <v>0.46399998664856001</v>
          </cell>
          <cell r="BH176">
            <v>0.44499999284744302</v>
          </cell>
          <cell r="BI176">
            <v>0.45100000500678999</v>
          </cell>
          <cell r="BJ176">
            <v>0.42100000381469699</v>
          </cell>
          <cell r="BK176">
            <v>0.39899998903274497</v>
          </cell>
          <cell r="BL176">
            <v>0.37000000476837203</v>
          </cell>
        </row>
      </sheetData>
      <sheetData sheetId="14"/>
      <sheetData sheetId="15">
        <row r="176">
          <cell r="BA176">
            <v>1.0340000391006501</v>
          </cell>
          <cell r="BB176">
            <v>0.86500000953674305</v>
          </cell>
          <cell r="BC176">
            <v>0.50199997425079301</v>
          </cell>
          <cell r="BD176">
            <v>0.31900000572204601</v>
          </cell>
          <cell r="BE176">
            <v>0.33199998736381497</v>
          </cell>
          <cell r="BF176">
            <v>0.32300001382827798</v>
          </cell>
          <cell r="BG176">
            <v>0.32199999690055803</v>
          </cell>
          <cell r="BH176">
            <v>0.29899999499321001</v>
          </cell>
          <cell r="BI176">
            <v>0.31099998950958302</v>
          </cell>
          <cell r="BJ176">
            <v>0.28499999642372098</v>
          </cell>
          <cell r="BK176">
            <v>0.27300000190734902</v>
          </cell>
          <cell r="BL176">
            <v>0.25699999928474399</v>
          </cell>
        </row>
      </sheetData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9.xml"/><Relationship Id="rId2" Type="http://schemas.openxmlformats.org/officeDocument/2006/relationships/printerSettings" Target="../printerSettings/printerSettings10.bin"/><Relationship Id="rId1" Type="http://schemas.openxmlformats.org/officeDocument/2006/relationships/hyperlink" Target="https://www.adb.org/publications/asian-development-outlook-2020-innovation-asia" TargetMode="Externa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1.xml"/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https://www.adb.org/ado2020" TargetMode="External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2.xml"/><Relationship Id="rId2" Type="http://schemas.openxmlformats.org/officeDocument/2006/relationships/printerSettings" Target="../printerSettings/printerSettings3.bin"/><Relationship Id="rId1" Type="http://schemas.openxmlformats.org/officeDocument/2006/relationships/hyperlink" Target="https://www.adb.org/ado2020" TargetMode="External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3.xml"/><Relationship Id="rId2" Type="http://schemas.openxmlformats.org/officeDocument/2006/relationships/printerSettings" Target="../printerSettings/printerSettings4.bin"/><Relationship Id="rId1" Type="http://schemas.openxmlformats.org/officeDocument/2006/relationships/hyperlink" Target="https://www.adb.org/ado2020" TargetMode="External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4.xml"/><Relationship Id="rId2" Type="http://schemas.openxmlformats.org/officeDocument/2006/relationships/printerSettings" Target="../printerSettings/printerSettings5.bin"/><Relationship Id="rId1" Type="http://schemas.openxmlformats.org/officeDocument/2006/relationships/hyperlink" Target="https://www.adb.org/ado2020" TargetMode="External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5.xml"/><Relationship Id="rId2" Type="http://schemas.openxmlformats.org/officeDocument/2006/relationships/printerSettings" Target="../printerSettings/printerSettings6.bin"/><Relationship Id="rId1" Type="http://schemas.openxmlformats.org/officeDocument/2006/relationships/hyperlink" Target="https://www.adb.org/publications/asian-development-outlook-2020-innovation-asia" TargetMode="External"/></Relationships>
</file>

<file path=xl/worksheets/_rels/sheet7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6.xml"/><Relationship Id="rId2" Type="http://schemas.openxmlformats.org/officeDocument/2006/relationships/printerSettings" Target="../printerSettings/printerSettings7.bin"/><Relationship Id="rId1" Type="http://schemas.openxmlformats.org/officeDocument/2006/relationships/hyperlink" Target="https://www.adb.org/publications/asian-development-outlook-2020-innovation-asia" TargetMode="External"/></Relationships>
</file>

<file path=xl/worksheets/_rels/sheet8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7.xml"/><Relationship Id="rId2" Type="http://schemas.openxmlformats.org/officeDocument/2006/relationships/printerSettings" Target="../printerSettings/printerSettings8.bin"/><Relationship Id="rId1" Type="http://schemas.openxmlformats.org/officeDocument/2006/relationships/hyperlink" Target="https://www.adb.org/publications/asian-development-outlook-2020-innovation-asia" TargetMode="External"/></Relationships>
</file>

<file path=xl/worksheets/_rels/sheet9.xml.rels><?xml version="1.0" encoding="UTF-8" standalone="yes"?>
<Relationships xmlns="http://schemas.openxmlformats.org/package/2006/relationships"><Relationship Id="rId3" Type="http://schemas.openxmlformats.org/officeDocument/2006/relationships/drawing" Target="../drawings/drawing8.xml"/><Relationship Id="rId2" Type="http://schemas.openxmlformats.org/officeDocument/2006/relationships/printerSettings" Target="../printerSettings/printerSettings9.bin"/><Relationship Id="rId1" Type="http://schemas.openxmlformats.org/officeDocument/2006/relationships/hyperlink" Target="https://www.adb.org/publications/asian-development-outlook-2020-innovation-asia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21"/>
  <sheetViews>
    <sheetView showGridLines="0" zoomScale="110" zoomScaleNormal="110" workbookViewId="0">
      <selection activeCell="C14" sqref="C14"/>
    </sheetView>
  </sheetViews>
  <sheetFormatPr defaultColWidth="0" defaultRowHeight="12.75" zeroHeight="1" x14ac:dyDescent="0.35"/>
  <cols>
    <col min="1" max="1" width="9.1328125" style="26" customWidth="1"/>
    <col min="2" max="2" width="11" style="26" customWidth="1"/>
    <col min="3" max="9" width="9.1328125" style="26" customWidth="1"/>
    <col min="10" max="12" width="0" style="26" hidden="1" customWidth="1"/>
    <col min="13" max="16384" width="9.1328125" style="26" hidden="1"/>
  </cols>
  <sheetData>
    <row r="1" spans="1:12" s="2" customFormat="1" x14ac:dyDescent="0.35">
      <c r="A1" s="16"/>
      <c r="B1" s="16"/>
      <c r="C1" s="16"/>
      <c r="D1" s="16"/>
      <c r="E1" s="16"/>
      <c r="F1" s="16"/>
      <c r="G1" s="16"/>
      <c r="H1" s="16"/>
      <c r="I1" s="16"/>
    </row>
    <row r="2" spans="1:12" s="2" customFormat="1" x14ac:dyDescent="0.35">
      <c r="A2" s="16"/>
      <c r="B2" s="65" t="s">
        <v>11</v>
      </c>
      <c r="C2" s="65"/>
      <c r="D2" s="65"/>
      <c r="E2" s="65"/>
      <c r="F2" s="65"/>
      <c r="G2" s="65"/>
      <c r="H2" s="65"/>
      <c r="I2" s="17"/>
      <c r="J2" s="9"/>
      <c r="K2" s="9"/>
      <c r="L2" s="9"/>
    </row>
    <row r="3" spans="1:12" s="2" customFormat="1" ht="15" x14ac:dyDescent="0.4">
      <c r="A3" s="16"/>
      <c r="B3" s="66" t="s">
        <v>15</v>
      </c>
      <c r="C3" s="66"/>
      <c r="D3" s="66"/>
      <c r="E3" s="66"/>
      <c r="F3" s="66"/>
      <c r="G3" s="66"/>
      <c r="H3" s="66"/>
      <c r="I3" s="18"/>
      <c r="J3" s="14"/>
      <c r="K3" s="10"/>
      <c r="L3" s="10"/>
    </row>
    <row r="4" spans="1:12" s="2" customFormat="1" x14ac:dyDescent="0.35">
      <c r="A4" s="16"/>
      <c r="B4" s="16"/>
      <c r="C4" s="16"/>
      <c r="D4" s="16"/>
      <c r="E4" s="16"/>
      <c r="F4" s="16"/>
      <c r="G4" s="16"/>
      <c r="H4" s="16"/>
      <c r="I4" s="16"/>
    </row>
    <row r="5" spans="1:12" s="2" customFormat="1" ht="13.15" x14ac:dyDescent="0.4">
      <c r="A5" s="16"/>
      <c r="B5" s="19" t="s">
        <v>0</v>
      </c>
      <c r="C5" s="19" t="s">
        <v>1</v>
      </c>
      <c r="D5" s="16"/>
      <c r="E5" s="16"/>
      <c r="F5" s="16"/>
      <c r="G5" s="16"/>
      <c r="H5" s="16"/>
      <c r="I5" s="16"/>
    </row>
    <row r="6" spans="1:12" s="2" customFormat="1" ht="13.5" x14ac:dyDescent="0.35">
      <c r="A6" s="16"/>
      <c r="B6" s="34" t="s">
        <v>16</v>
      </c>
      <c r="C6" s="75" t="s">
        <v>17</v>
      </c>
      <c r="D6" s="34"/>
      <c r="E6" s="34"/>
      <c r="F6" s="34"/>
      <c r="G6" s="16"/>
      <c r="H6" s="16"/>
    </row>
    <row r="7" spans="1:12" s="2" customFormat="1" ht="13.5" x14ac:dyDescent="0.35">
      <c r="A7" s="16"/>
      <c r="B7" s="34" t="s">
        <v>18</v>
      </c>
      <c r="C7" s="75" t="s">
        <v>19</v>
      </c>
      <c r="D7" s="34"/>
      <c r="E7" s="34"/>
      <c r="F7" s="34"/>
      <c r="G7" s="16"/>
      <c r="H7" s="16"/>
    </row>
    <row r="8" spans="1:12" s="2" customFormat="1" ht="13.5" x14ac:dyDescent="0.35">
      <c r="A8" s="16"/>
      <c r="B8" s="34" t="s">
        <v>20</v>
      </c>
      <c r="C8" s="75" t="s">
        <v>42</v>
      </c>
      <c r="D8" s="34"/>
      <c r="E8" s="34"/>
      <c r="F8" s="34"/>
      <c r="G8" s="20"/>
      <c r="H8" s="16"/>
    </row>
    <row r="9" spans="1:12" s="2" customFormat="1" ht="13.5" x14ac:dyDescent="0.35">
      <c r="A9" s="16"/>
      <c r="B9" s="34" t="s">
        <v>21</v>
      </c>
      <c r="C9" s="75" t="s">
        <v>44</v>
      </c>
      <c r="D9" s="34"/>
      <c r="E9" s="34"/>
      <c r="F9" s="34"/>
      <c r="G9" s="20"/>
      <c r="H9" s="16"/>
    </row>
    <row r="10" spans="1:12" s="2" customFormat="1" ht="13.5" x14ac:dyDescent="0.35">
      <c r="A10" s="16"/>
      <c r="B10" s="34" t="s">
        <v>22</v>
      </c>
      <c r="C10" s="75" t="s">
        <v>73</v>
      </c>
      <c r="D10" s="34"/>
      <c r="E10" s="34"/>
      <c r="F10" s="34"/>
      <c r="G10" s="20"/>
      <c r="H10" s="16"/>
    </row>
    <row r="11" spans="1:12" s="2" customFormat="1" ht="13.5" x14ac:dyDescent="0.35">
      <c r="A11" s="16"/>
      <c r="B11" s="34" t="s">
        <v>23</v>
      </c>
      <c r="C11" s="75" t="s">
        <v>86</v>
      </c>
      <c r="D11" s="34"/>
      <c r="E11" s="34"/>
      <c r="F11" s="34"/>
      <c r="G11" s="20"/>
      <c r="H11" s="16"/>
    </row>
    <row r="12" spans="1:12" s="2" customFormat="1" ht="13.5" x14ac:dyDescent="0.35">
      <c r="A12" s="16"/>
      <c r="B12" s="34" t="s">
        <v>24</v>
      </c>
      <c r="C12" s="75" t="s">
        <v>79</v>
      </c>
      <c r="D12" s="34"/>
      <c r="E12" s="34"/>
      <c r="F12" s="34"/>
      <c r="G12" s="20"/>
      <c r="H12" s="16"/>
    </row>
    <row r="13" spans="1:12" s="2" customFormat="1" ht="13.5" x14ac:dyDescent="0.35">
      <c r="A13" s="16"/>
      <c r="B13" s="34" t="s">
        <v>25</v>
      </c>
      <c r="C13" s="75" t="s">
        <v>26</v>
      </c>
      <c r="D13" s="34"/>
      <c r="E13" s="34"/>
      <c r="F13" s="34"/>
      <c r="G13" s="20"/>
      <c r="H13" s="16"/>
    </row>
    <row r="14" spans="1:12" s="2" customFormat="1" ht="13.5" x14ac:dyDescent="0.35">
      <c r="A14" s="16"/>
      <c r="B14" s="34" t="s">
        <v>27</v>
      </c>
      <c r="C14" s="75" t="s">
        <v>28</v>
      </c>
      <c r="D14" s="34"/>
      <c r="E14" s="34"/>
      <c r="F14" s="34"/>
      <c r="G14" s="20"/>
      <c r="H14" s="16"/>
    </row>
    <row r="15" spans="1:12" s="2" customFormat="1" ht="14.25" x14ac:dyDescent="0.45">
      <c r="A15" s="16"/>
      <c r="B15"/>
      <c r="C15" s="34"/>
      <c r="D15" s="35"/>
      <c r="E15" s="34"/>
      <c r="F15" s="34"/>
      <c r="G15" s="34"/>
      <c r="H15" s="16"/>
      <c r="I15" s="16"/>
    </row>
    <row r="16" spans="1:12" x14ac:dyDescent="0.35"/>
    <row r="17" x14ac:dyDescent="0.35"/>
    <row r="18" x14ac:dyDescent="0.35"/>
    <row r="19" x14ac:dyDescent="0.35"/>
    <row r="20" x14ac:dyDescent="0.35"/>
    <row r="21" x14ac:dyDescent="0.35"/>
  </sheetData>
  <mergeCells count="2">
    <mergeCell ref="B2:H2"/>
    <mergeCell ref="B3:H3"/>
  </mergeCells>
  <hyperlinks>
    <hyperlink ref="C6" location="'3.26.1'!A1" display="3.26.1 Demand-side contributions to GDP growth" xr:uid="{9E1B6DE8-ADB1-405C-A02E-7CD2F7EC91EB}"/>
    <hyperlink ref="C7" location="'3.26.2'!A1" display="3.26.2 Supply-side contributions to GDP growth" xr:uid="{9AB4FC2C-77AD-4472-8FC5-95F9FEA5D9E0}"/>
    <hyperlink ref="C8" location="'3.26.3'!A1" display="3.26.3 Monthly inflation" xr:uid="{886014CA-6C5C-4F30-A8B4-4D42A9FBA28C}"/>
    <hyperlink ref="C9" location="'3.26.4'!A1" display="3.26.4 Current account balance components" xr:uid="{7ECEAC6D-DFF9-4223-A62B-B5568D20F2D5}"/>
    <hyperlink ref="C10" location="'3.26.5'!A1" display="3.26.5 Consumer and business confidence index" xr:uid="{E734714E-3DFF-4A4F-A4BF-AAE400512EE2}"/>
    <hyperlink ref="C11" location="'3.26.6'!A1" display="3.26.5 Annual GDP" xr:uid="{9555A9AD-D4D2-46E6-BF50-BB48F25AEEE0}"/>
    <hyperlink ref="C12" location="'3.26.7'!A1" display="3.26.7 Inflation" xr:uid="{C14D6FE6-484D-4F55-9062-F339F2AEE481}"/>
    <hyperlink ref="C13" location="'3.26.8'!A1" display="3.26.8 Exports and imports growth" xr:uid="{8D0CED05-5E4D-49D0-B1CE-4EB87B4744D6}"/>
    <hyperlink ref="C14" location="'3.26.9'!A1" display="3.26.9 Unemployment rate" xr:uid="{4A02E83E-2D82-4E7F-B24F-8DF366D96A52}"/>
  </hyperlinks>
  <pageMargins left="0.7" right="0.7" top="0.75" bottom="0.75" header="0.3" footer="0.3"/>
  <pageSetup orientation="portrait" verticalDpi="0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792D69-C201-47D1-9C11-01C345ECAB25}">
  <sheetPr>
    <pageSetUpPr fitToPage="1"/>
  </sheetPr>
  <dimension ref="A1:M46"/>
  <sheetViews>
    <sheetView showGridLines="0" tabSelected="1" zoomScale="80" zoomScaleNormal="80" workbookViewId="0">
      <selection activeCell="K26" sqref="K26"/>
    </sheetView>
  </sheetViews>
  <sheetFormatPr defaultColWidth="9.59765625" defaultRowHeight="13.5" x14ac:dyDescent="0.35"/>
  <cols>
    <col min="1" max="6" width="9.59765625" style="42"/>
    <col min="7" max="7" width="3.33203125" style="43" customWidth="1"/>
    <col min="8" max="8" width="3.33203125" style="41" customWidth="1"/>
    <col min="9" max="9" width="9.59765625" style="45"/>
    <col min="10" max="10" width="11.19921875" style="45" bestFit="1" customWidth="1"/>
    <col min="11" max="12" width="12.3984375" style="45" customWidth="1"/>
    <col min="13" max="13" width="14.1328125" style="45" bestFit="1" customWidth="1"/>
    <col min="14" max="16384" width="9.59765625" style="45"/>
  </cols>
  <sheetData>
    <row r="1" spans="1:13" x14ac:dyDescent="0.35">
      <c r="A1" s="40" t="s">
        <v>2</v>
      </c>
      <c r="B1" s="41"/>
      <c r="C1" s="41"/>
      <c r="D1" s="41"/>
      <c r="E1" s="41"/>
      <c r="I1" s="44" t="s">
        <v>3</v>
      </c>
    </row>
    <row r="2" spans="1:13" x14ac:dyDescent="0.35">
      <c r="A2" s="46" t="s">
        <v>51</v>
      </c>
      <c r="B2" s="41"/>
      <c r="C2" s="41"/>
      <c r="D2" s="41"/>
      <c r="E2" s="41"/>
      <c r="I2" s="47"/>
    </row>
    <row r="3" spans="1:13" ht="13.9" x14ac:dyDescent="0.4">
      <c r="A3" s="40" t="s">
        <v>4</v>
      </c>
      <c r="B3" s="41"/>
      <c r="C3" s="41"/>
      <c r="D3" s="41"/>
      <c r="E3" s="41"/>
      <c r="I3" s="48" t="s">
        <v>28</v>
      </c>
    </row>
    <row r="4" spans="1:13" x14ac:dyDescent="0.35">
      <c r="A4" s="49" t="s">
        <v>12</v>
      </c>
      <c r="B4" s="41"/>
      <c r="C4" s="41"/>
      <c r="D4" s="41"/>
      <c r="E4" s="41"/>
      <c r="I4" s="45" t="s">
        <v>7</v>
      </c>
      <c r="M4" s="50"/>
    </row>
    <row r="5" spans="1:13" x14ac:dyDescent="0.35">
      <c r="A5" s="51"/>
    </row>
    <row r="6" spans="1:13" x14ac:dyDescent="0.35">
      <c r="A6" s="41"/>
      <c r="J6" s="52"/>
      <c r="K6" s="52"/>
      <c r="L6" s="52"/>
    </row>
    <row r="7" spans="1:13" ht="13.9" thickBot="1" x14ac:dyDescent="0.4">
      <c r="I7" s="53"/>
      <c r="J7" s="64" t="s">
        <v>31</v>
      </c>
      <c r="K7" s="64" t="s">
        <v>32</v>
      </c>
      <c r="L7" s="55"/>
    </row>
    <row r="8" spans="1:13" ht="13.9" thickTop="1" x14ac:dyDescent="0.35">
      <c r="I8" s="71">
        <v>2010</v>
      </c>
      <c r="J8" s="69">
        <f t="array" ref="J8:J17">TRANSPOSE([2]Data_uryouth!BA176:BT176)</f>
        <v>1.5240000486373899</v>
      </c>
      <c r="K8" s="69">
        <f t="array" ref="K8:K17">TRANSPOSE([2]Data_urall!BA176:BT176)</f>
        <v>1.0340000391006501</v>
      </c>
      <c r="L8" s="58"/>
    </row>
    <row r="9" spans="1:13" x14ac:dyDescent="0.35">
      <c r="I9" s="71">
        <v>2011</v>
      </c>
      <c r="J9" s="69">
        <v>1.2599999904632599</v>
      </c>
      <c r="K9" s="69">
        <v>0.86500000953674305</v>
      </c>
      <c r="L9" s="58"/>
    </row>
    <row r="10" spans="1:13" x14ac:dyDescent="0.35">
      <c r="I10" s="71">
        <v>2012</v>
      </c>
      <c r="J10" s="69">
        <v>0.70700001716613803</v>
      </c>
      <c r="K10" s="69">
        <v>0.50199997425079301</v>
      </c>
      <c r="L10" s="58"/>
    </row>
    <row r="11" spans="1:13" x14ac:dyDescent="0.35">
      <c r="I11" s="71">
        <v>2013</v>
      </c>
      <c r="J11" s="69">
        <v>0.47699999809265098</v>
      </c>
      <c r="K11" s="69">
        <v>0.31900000572204601</v>
      </c>
      <c r="L11" s="58"/>
    </row>
    <row r="12" spans="1:13" x14ac:dyDescent="0.35">
      <c r="I12" s="71">
        <v>2014</v>
      </c>
      <c r="J12" s="69">
        <v>0.46500000357627902</v>
      </c>
      <c r="K12" s="69">
        <v>0.33199998736381497</v>
      </c>
      <c r="L12" s="58"/>
    </row>
    <row r="13" spans="1:13" x14ac:dyDescent="0.35">
      <c r="I13" s="71">
        <v>2015</v>
      </c>
      <c r="J13" s="69">
        <v>0.47799998521804798</v>
      </c>
      <c r="K13" s="69">
        <v>0.32300001382827798</v>
      </c>
      <c r="L13" s="59"/>
    </row>
    <row r="14" spans="1:13" x14ac:dyDescent="0.35">
      <c r="I14" s="71">
        <v>2016</v>
      </c>
      <c r="J14" s="69">
        <v>0.46399998664856001</v>
      </c>
      <c r="K14" s="69">
        <v>0.32199999690055803</v>
      </c>
      <c r="L14" s="59"/>
    </row>
    <row r="15" spans="1:13" x14ac:dyDescent="0.35">
      <c r="I15" s="71">
        <v>2017</v>
      </c>
      <c r="J15" s="69">
        <v>0.44499999284744302</v>
      </c>
      <c r="K15" s="69">
        <v>0.29899999499321001</v>
      </c>
    </row>
    <row r="16" spans="1:13" x14ac:dyDescent="0.35">
      <c r="I16" s="71">
        <v>2018</v>
      </c>
      <c r="J16" s="69">
        <v>0.45100000500678999</v>
      </c>
      <c r="K16" s="69">
        <v>0.31099998950958302</v>
      </c>
    </row>
    <row r="17" spans="9:13" x14ac:dyDescent="0.35">
      <c r="I17" s="71">
        <v>2019</v>
      </c>
      <c r="J17" s="69">
        <v>0.42100000381469699</v>
      </c>
      <c r="K17" s="69">
        <v>0.28499999642372098</v>
      </c>
    </row>
    <row r="18" spans="9:13" ht="14.25" x14ac:dyDescent="0.45">
      <c r="I18" s="68"/>
      <c r="J18" s="69"/>
      <c r="K18" s="69"/>
    </row>
    <row r="19" spans="9:13" x14ac:dyDescent="0.35">
      <c r="I19" s="72" t="s">
        <v>84</v>
      </c>
      <c r="J19" s="69"/>
      <c r="K19" s="69"/>
    </row>
    <row r="20" spans="9:13" x14ac:dyDescent="0.35">
      <c r="I20" s="72" t="s">
        <v>85</v>
      </c>
      <c r="J20" s="69"/>
      <c r="K20" s="69"/>
    </row>
    <row r="21" spans="9:13" x14ac:dyDescent="0.35">
      <c r="I21" s="73"/>
      <c r="J21" s="69"/>
      <c r="K21" s="69"/>
    </row>
    <row r="22" spans="9:13" x14ac:dyDescent="0.35">
      <c r="J22" s="69"/>
      <c r="K22" s="69"/>
    </row>
    <row r="23" spans="9:13" x14ac:dyDescent="0.35">
      <c r="I23" s="74"/>
      <c r="J23" s="69"/>
      <c r="K23" s="69"/>
    </row>
    <row r="24" spans="9:13" x14ac:dyDescent="0.35">
      <c r="I24" s="74"/>
      <c r="J24" s="69"/>
      <c r="K24" s="69"/>
    </row>
    <row r="25" spans="9:13" ht="14.25" x14ac:dyDescent="0.45">
      <c r="I25" s="68"/>
      <c r="J25" s="69"/>
      <c r="K25" s="69"/>
    </row>
    <row r="26" spans="9:13" ht="14.25" x14ac:dyDescent="0.45">
      <c r="I26" s="68"/>
      <c r="J26" s="69"/>
      <c r="K26" s="69"/>
    </row>
    <row r="27" spans="9:13" ht="14.25" x14ac:dyDescent="0.45">
      <c r="I27" s="68"/>
      <c r="J27" s="69"/>
      <c r="K27" s="69"/>
    </row>
    <row r="28" spans="9:13" ht="14.25" x14ac:dyDescent="0.45">
      <c r="I28" s="68"/>
      <c r="J28" s="69"/>
      <c r="K28" s="69"/>
    </row>
    <row r="29" spans="9:13" ht="14.25" x14ac:dyDescent="0.45">
      <c r="I29" s="68"/>
      <c r="J29" s="69"/>
      <c r="K29" s="69"/>
    </row>
    <row r="30" spans="9:13" ht="14.25" x14ac:dyDescent="0.45">
      <c r="I30" s="68"/>
      <c r="J30" s="69"/>
      <c r="K30" s="69"/>
      <c r="L30" s="63"/>
      <c r="M30" s="63"/>
    </row>
    <row r="31" spans="9:13" ht="14.25" x14ac:dyDescent="0.45">
      <c r="I31" s="68"/>
      <c r="J31" s="69"/>
      <c r="K31" s="69"/>
      <c r="L31" s="63"/>
      <c r="M31" s="63"/>
    </row>
    <row r="32" spans="9:13" ht="14.25" x14ac:dyDescent="0.45">
      <c r="I32" s="68"/>
      <c r="J32" s="69"/>
      <c r="K32" s="69"/>
      <c r="L32" s="63"/>
      <c r="M32" s="63"/>
    </row>
    <row r="33" spans="9:13" ht="14.25" x14ac:dyDescent="0.45">
      <c r="I33" s="68"/>
      <c r="J33" s="69"/>
      <c r="K33" s="69"/>
      <c r="L33" s="63"/>
      <c r="M33" s="63"/>
    </row>
    <row r="34" spans="9:13" ht="14.25" x14ac:dyDescent="0.45">
      <c r="I34" s="68"/>
      <c r="J34" s="69"/>
      <c r="K34" s="69"/>
      <c r="L34" s="63"/>
      <c r="M34" s="63"/>
    </row>
    <row r="35" spans="9:13" ht="14.25" x14ac:dyDescent="0.45">
      <c r="I35" s="68"/>
      <c r="J35" s="69"/>
      <c r="K35" s="69"/>
      <c r="L35" s="63"/>
      <c r="M35" s="63"/>
    </row>
    <row r="36" spans="9:13" ht="14.25" x14ac:dyDescent="0.45">
      <c r="I36" s="68"/>
      <c r="J36" s="69"/>
      <c r="K36" s="69"/>
    </row>
    <row r="37" spans="9:13" ht="14.25" x14ac:dyDescent="0.45">
      <c r="I37" s="68"/>
      <c r="J37" s="69"/>
      <c r="K37" s="69"/>
    </row>
    <row r="38" spans="9:13" ht="14.25" x14ac:dyDescent="0.45">
      <c r="I38" s="68"/>
      <c r="J38" s="69"/>
      <c r="K38" s="69"/>
    </row>
    <row r="39" spans="9:13" ht="14.25" x14ac:dyDescent="0.45">
      <c r="I39" s="68"/>
      <c r="J39" s="69"/>
      <c r="K39" s="69"/>
    </row>
    <row r="40" spans="9:13" ht="14.25" x14ac:dyDescent="0.45">
      <c r="I40" s="68"/>
      <c r="J40" s="69"/>
      <c r="K40" s="69"/>
    </row>
    <row r="41" spans="9:13" ht="14.25" x14ac:dyDescent="0.45">
      <c r="I41" s="68"/>
      <c r="J41" s="69"/>
      <c r="K41" s="69"/>
    </row>
    <row r="42" spans="9:13" ht="14.25" x14ac:dyDescent="0.45">
      <c r="I42" s="68"/>
      <c r="J42" s="69"/>
      <c r="K42" s="69"/>
    </row>
    <row r="43" spans="9:13" ht="14.25" x14ac:dyDescent="0.45">
      <c r="I43" s="68"/>
      <c r="J43" s="69"/>
      <c r="K43" s="69"/>
    </row>
    <row r="44" spans="9:13" ht="14.25" x14ac:dyDescent="0.45">
      <c r="I44" s="68"/>
      <c r="J44" s="69"/>
      <c r="K44" s="69"/>
    </row>
    <row r="46" spans="9:13" x14ac:dyDescent="0.35">
      <c r="I46" s="70"/>
    </row>
  </sheetData>
  <hyperlinks>
    <hyperlink ref="I1" location="Contents!A1" display="&lt;&lt;&lt; back to content" xr:uid="{DAF50279-6BB7-4486-B4D5-A125195E58B9}"/>
    <hyperlink ref="A4" r:id="rId1" display="'https://www.adb.org/ado2020" xr:uid="{8B1AB508-538E-4FA9-9CD8-ADD336394F47}"/>
  </hyperlinks>
  <pageMargins left="0.75" right="0.75" top="1" bottom="1" header="0.5" footer="0.5"/>
  <pageSetup scale="93" orientation="landscape" r:id="rId2"/>
  <headerFooter alignWithMargins="0"/>
  <drawing r:id="rId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T15"/>
  <sheetViews>
    <sheetView showGridLines="0" zoomScale="80" zoomScaleNormal="80" workbookViewId="0">
      <selection activeCell="P38" sqref="P38"/>
    </sheetView>
  </sheetViews>
  <sheetFormatPr defaultColWidth="9.1328125" defaultRowHeight="12.75" x14ac:dyDescent="0.35"/>
  <cols>
    <col min="1" max="9" width="9.1328125" style="2"/>
    <col min="10" max="10" width="3.73046875" style="3" customWidth="1"/>
    <col min="11" max="11" width="3.1328125" style="2" customWidth="1"/>
    <col min="12" max="12" width="9.1328125" style="2"/>
    <col min="13" max="13" width="9.1328125" style="2" customWidth="1"/>
    <col min="14" max="20" width="11.86328125" style="2" customWidth="1"/>
    <col min="21" max="16384" width="9.1328125" style="2"/>
  </cols>
  <sheetData>
    <row r="1" spans="1:20" ht="13.5" x14ac:dyDescent="0.35">
      <c r="A1" s="1" t="s">
        <v>2</v>
      </c>
      <c r="L1" s="25" t="s">
        <v>3</v>
      </c>
    </row>
    <row r="2" spans="1:20" x14ac:dyDescent="0.35">
      <c r="A2" s="4" t="s">
        <v>13</v>
      </c>
    </row>
    <row r="3" spans="1:20" ht="13.15" x14ac:dyDescent="0.4">
      <c r="A3" s="1" t="s">
        <v>4</v>
      </c>
      <c r="L3" s="5" t="s">
        <v>87</v>
      </c>
    </row>
    <row r="4" spans="1:20" x14ac:dyDescent="0.35">
      <c r="A4" s="11" t="s">
        <v>12</v>
      </c>
    </row>
    <row r="6" spans="1:20" ht="38.25" x14ac:dyDescent="0.35">
      <c r="M6" s="31" t="s">
        <v>29</v>
      </c>
      <c r="N6" s="32" t="s">
        <v>6</v>
      </c>
      <c r="O6" s="32" t="s">
        <v>34</v>
      </c>
      <c r="P6" s="32" t="s">
        <v>35</v>
      </c>
      <c r="Q6" s="32" t="s">
        <v>30</v>
      </c>
      <c r="R6" s="32" t="s">
        <v>31</v>
      </c>
      <c r="S6" s="32" t="s">
        <v>32</v>
      </c>
      <c r="T6" s="32" t="s">
        <v>5</v>
      </c>
    </row>
    <row r="7" spans="1:20" ht="15.75" customHeight="1" thickBot="1" x14ac:dyDescent="0.4">
      <c r="L7" s="13"/>
      <c r="M7" s="67" t="s">
        <v>8</v>
      </c>
      <c r="N7" s="67"/>
      <c r="O7" s="67"/>
      <c r="P7" s="67"/>
      <c r="Q7" s="67"/>
      <c r="R7" s="67"/>
      <c r="S7" s="67"/>
      <c r="T7" s="33" t="s">
        <v>7</v>
      </c>
    </row>
    <row r="8" spans="1:20" ht="13.15" thickTop="1" x14ac:dyDescent="0.35">
      <c r="L8" s="21">
        <v>2015</v>
      </c>
      <c r="M8" s="28">
        <v>3.2188013429530682</v>
      </c>
      <c r="N8" s="6">
        <v>0.5963818844203157</v>
      </c>
      <c r="O8" s="6">
        <v>-0.10456104007429103</v>
      </c>
      <c r="P8" s="6">
        <v>1.0459675691120793</v>
      </c>
      <c r="Q8" s="6">
        <v>0.66942281591542252</v>
      </c>
      <c r="R8" s="6">
        <v>0.18394171012215157</v>
      </c>
      <c r="S8" s="6">
        <v>0.51842988784913213</v>
      </c>
      <c r="T8" s="6">
        <v>5.0915243945996167</v>
      </c>
    </row>
    <row r="9" spans="1:20" x14ac:dyDescent="0.35">
      <c r="L9" s="21">
        <v>2016</v>
      </c>
      <c r="M9" s="28">
        <v>3.1574225046115312</v>
      </c>
      <c r="N9" s="6">
        <v>0.13755999663534535</v>
      </c>
      <c r="O9" s="6">
        <v>-9.0148953940766788E-2</v>
      </c>
      <c r="P9" s="6">
        <v>0.74999511445348577</v>
      </c>
      <c r="Q9" s="6">
        <v>0.46663341662836111</v>
      </c>
      <c r="R9" s="6">
        <v>0.91635859401618269</v>
      </c>
      <c r="S9" s="6">
        <v>0.8880649072468374</v>
      </c>
      <c r="T9" s="6">
        <v>4.4497557651572919</v>
      </c>
    </row>
    <row r="10" spans="1:20" x14ac:dyDescent="0.35">
      <c r="L10" s="21">
        <v>2017</v>
      </c>
      <c r="M10" s="28">
        <v>3.7468112244897962</v>
      </c>
      <c r="N10" s="6">
        <v>0.7009611880466472</v>
      </c>
      <c r="O10" s="6">
        <v>2.2370236359850061E-2</v>
      </c>
      <c r="P10" s="6">
        <v>1.5144243284048313</v>
      </c>
      <c r="Q10" s="6">
        <v>3.6443148688046649E-2</v>
      </c>
      <c r="R10" s="6">
        <v>5.8495320960016661</v>
      </c>
      <c r="S10" s="6">
        <v>6.1287126457725947</v>
      </c>
      <c r="T10" s="6">
        <v>5.741829576218251</v>
      </c>
    </row>
    <row r="11" spans="1:20" x14ac:dyDescent="0.35">
      <c r="L11" s="21">
        <v>2018</v>
      </c>
      <c r="M11" s="29">
        <v>4.3935019466926999</v>
      </c>
      <c r="N11" s="7">
        <v>0.41395587496547809</v>
      </c>
      <c r="O11" s="7">
        <v>-0.40187799494883059</v>
      </c>
      <c r="P11" s="7">
        <v>0.74598218166516261</v>
      </c>
      <c r="Q11" s="7">
        <v>-1.1607842775235269</v>
      </c>
      <c r="R11" s="7">
        <v>1.5417375376664459</v>
      </c>
      <c r="S11" s="7">
        <v>0.79090881816020808</v>
      </c>
      <c r="T11" s="7">
        <v>4.7416064503572102</v>
      </c>
    </row>
    <row r="12" spans="1:20" x14ac:dyDescent="0.35">
      <c r="L12" s="21">
        <v>2019</v>
      </c>
      <c r="M12" s="29">
        <v>4.347379020559913</v>
      </c>
      <c r="N12" s="6">
        <v>0.25515356587023597</v>
      </c>
      <c r="O12" s="6">
        <v>-0.79329696746241185</v>
      </c>
      <c r="P12" s="6">
        <v>0.26536264636993739</v>
      </c>
      <c r="Q12" s="6">
        <v>-0.36811447096765187</v>
      </c>
      <c r="R12" s="6">
        <v>-0.76781098952430826</v>
      </c>
      <c r="S12" s="6">
        <v>-1.3915931527182961</v>
      </c>
      <c r="T12" s="6">
        <v>4.3301925109417141</v>
      </c>
    </row>
    <row r="14" spans="1:20" x14ac:dyDescent="0.35">
      <c r="M14" s="29"/>
      <c r="N14" s="6"/>
      <c r="O14" s="6"/>
      <c r="P14" s="6"/>
      <c r="Q14" s="6"/>
      <c r="R14" s="6"/>
      <c r="S14" s="6"/>
      <c r="T14" s="6"/>
    </row>
    <row r="15" spans="1:20" x14ac:dyDescent="0.35">
      <c r="L15" s="2" t="s">
        <v>36</v>
      </c>
    </row>
  </sheetData>
  <mergeCells count="1">
    <mergeCell ref="M7:S7"/>
  </mergeCells>
  <hyperlinks>
    <hyperlink ref="L1" location="Contents!A1" display="&lt;&lt;&lt; back to content" xr:uid="{00000000-0004-0000-0100-000000000000}"/>
    <hyperlink ref="A4" r:id="rId1" xr:uid="{00000000-0004-0000-0100-000001000000}"/>
  </hyperlinks>
  <pageMargins left="0.7" right="0.7" top="0.75" bottom="0.75" header="0.3" footer="0.3"/>
  <pageSetup orientation="portrait" r:id="rId2"/>
  <drawing r:id="rId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Q32"/>
  <sheetViews>
    <sheetView showGridLines="0" zoomScale="80" zoomScaleNormal="80" workbookViewId="0">
      <selection activeCell="P31" sqref="P31"/>
    </sheetView>
  </sheetViews>
  <sheetFormatPr defaultColWidth="9.1328125" defaultRowHeight="12.75" x14ac:dyDescent="0.35"/>
  <cols>
    <col min="1" max="9" width="9.1328125" style="2"/>
    <col min="10" max="10" width="3.73046875" style="3" customWidth="1"/>
    <col min="11" max="11" width="3.1328125" style="2" customWidth="1"/>
    <col min="12" max="12" width="9.1328125" style="2"/>
    <col min="13" max="13" width="15.59765625" style="2" customWidth="1"/>
    <col min="14" max="14" width="11.86328125" style="2" customWidth="1"/>
    <col min="15" max="15" width="11.265625" style="2" customWidth="1"/>
    <col min="16" max="17" width="12.265625" style="2" customWidth="1"/>
    <col min="18" max="16384" width="9.1328125" style="2"/>
  </cols>
  <sheetData>
    <row r="1" spans="1:17" ht="13.5" x14ac:dyDescent="0.35">
      <c r="A1" s="1" t="s">
        <v>2</v>
      </c>
      <c r="L1" s="25" t="s">
        <v>3</v>
      </c>
    </row>
    <row r="2" spans="1:17" x14ac:dyDescent="0.35">
      <c r="A2" s="4" t="s">
        <v>13</v>
      </c>
    </row>
    <row r="3" spans="1:17" ht="13.15" x14ac:dyDescent="0.4">
      <c r="A3" s="1" t="s">
        <v>4</v>
      </c>
      <c r="L3" s="5" t="s">
        <v>37</v>
      </c>
    </row>
    <row r="4" spans="1:17" x14ac:dyDescent="0.35">
      <c r="A4" s="11" t="s">
        <v>12</v>
      </c>
    </row>
    <row r="7" spans="1:17" ht="29.25" customHeight="1" x14ac:dyDescent="0.35">
      <c r="M7" s="31" t="s">
        <v>5</v>
      </c>
      <c r="N7" s="30" t="s">
        <v>9</v>
      </c>
      <c r="O7" s="30" t="s">
        <v>10</v>
      </c>
      <c r="P7" s="30" t="s">
        <v>38</v>
      </c>
      <c r="Q7" s="30" t="s">
        <v>39</v>
      </c>
    </row>
    <row r="8" spans="1:17" ht="13.15" customHeight="1" thickBot="1" x14ac:dyDescent="0.4">
      <c r="L8" s="12"/>
      <c r="M8" s="27" t="s">
        <v>7</v>
      </c>
      <c r="N8" s="67" t="s">
        <v>8</v>
      </c>
      <c r="O8" s="67"/>
      <c r="P8" s="67"/>
      <c r="Q8" s="67"/>
    </row>
    <row r="9" spans="1:17" ht="13.15" thickTop="1" x14ac:dyDescent="0.35">
      <c r="L9" s="21">
        <v>2015</v>
      </c>
      <c r="M9" s="36">
        <v>5.0915243945996167</v>
      </c>
      <c r="N9" s="36">
        <v>0.12438388456318308</v>
      </c>
      <c r="O9" s="36">
        <v>1.9184406029002072</v>
      </c>
      <c r="P9" s="36">
        <v>2.8706514751053644</v>
      </c>
      <c r="Q9" s="36">
        <v>0.17804843203085935</v>
      </c>
    </row>
    <row r="10" spans="1:17" x14ac:dyDescent="0.35">
      <c r="L10" s="21">
        <v>2016</v>
      </c>
      <c r="M10" s="36">
        <v>4.4497557651572919</v>
      </c>
      <c r="N10" s="36">
        <v>-0.30264898580302663</v>
      </c>
      <c r="O10" s="36">
        <v>1.525565002833617</v>
      </c>
      <c r="P10" s="36">
        <v>3.11638391389203</v>
      </c>
      <c r="Q10" s="36">
        <v>0.11045583423468126</v>
      </c>
    </row>
    <row r="11" spans="1:17" x14ac:dyDescent="0.35">
      <c r="L11" s="21">
        <v>2017</v>
      </c>
      <c r="M11" s="36">
        <v>5.741829576218251</v>
      </c>
      <c r="N11" s="36">
        <v>0.4395954810495627</v>
      </c>
      <c r="O11" s="36">
        <v>1.7121772178259058</v>
      </c>
      <c r="P11" s="36">
        <v>3.4211005830903791</v>
      </c>
      <c r="Q11" s="36">
        <v>0.16895629425239483</v>
      </c>
    </row>
    <row r="12" spans="1:17" x14ac:dyDescent="0.35">
      <c r="L12" s="21">
        <v>2018</v>
      </c>
      <c r="M12" s="36">
        <v>4.7416064503572102</v>
      </c>
      <c r="N12" s="36">
        <v>6.8466963151695868E-3</v>
      </c>
      <c r="O12" s="36">
        <v>1.1060107070021701</v>
      </c>
      <c r="P12" s="36">
        <v>3.788300149934956</v>
      </c>
      <c r="Q12" s="36">
        <v>-0.15955110289507554</v>
      </c>
    </row>
    <row r="13" spans="1:17" ht="12.75" customHeight="1" x14ac:dyDescent="0.35">
      <c r="L13" s="21">
        <v>2019</v>
      </c>
      <c r="M13" s="36">
        <v>4.3301925109417141</v>
      </c>
      <c r="N13" s="36">
        <v>0.13345251271911882</v>
      </c>
      <c r="O13" s="36">
        <v>0.73240971757570328</v>
      </c>
      <c r="P13" s="36">
        <v>3.4783585855061903</v>
      </c>
      <c r="Q13" s="36">
        <v>-1.4028304859301977E-2</v>
      </c>
    </row>
    <row r="14" spans="1:17" x14ac:dyDescent="0.35">
      <c r="L14" s="23"/>
      <c r="M14" s="6"/>
      <c r="N14" s="6"/>
    </row>
    <row r="15" spans="1:17" x14ac:dyDescent="0.35">
      <c r="L15" s="24"/>
      <c r="M15" s="6"/>
      <c r="N15" s="22"/>
      <c r="O15" s="15"/>
    </row>
    <row r="16" spans="1:17" x14ac:dyDescent="0.35">
      <c r="L16" s="2" t="s">
        <v>14</v>
      </c>
      <c r="M16" s="15"/>
      <c r="N16" s="15"/>
      <c r="O16" s="15"/>
    </row>
    <row r="17" spans="12:15" x14ac:dyDescent="0.35">
      <c r="L17" s="15"/>
      <c r="M17" s="15"/>
      <c r="N17" s="15"/>
      <c r="O17" s="15"/>
    </row>
    <row r="18" spans="12:15" x14ac:dyDescent="0.35">
      <c r="M18" s="6"/>
      <c r="N18" s="6"/>
    </row>
    <row r="19" spans="12:15" x14ac:dyDescent="0.35">
      <c r="M19" s="6"/>
      <c r="N19" s="6"/>
    </row>
    <row r="20" spans="12:15" x14ac:dyDescent="0.35">
      <c r="M20" s="6"/>
      <c r="N20" s="6"/>
    </row>
    <row r="21" spans="12:15" x14ac:dyDescent="0.35">
      <c r="L21" s="8"/>
      <c r="M21" s="6"/>
      <c r="N21" s="6"/>
    </row>
    <row r="22" spans="12:15" x14ac:dyDescent="0.35">
      <c r="L22" s="8"/>
      <c r="M22" s="6"/>
      <c r="N22" s="6"/>
    </row>
    <row r="23" spans="12:15" x14ac:dyDescent="0.35">
      <c r="L23" s="8"/>
      <c r="M23" s="6"/>
      <c r="N23" s="6"/>
    </row>
    <row r="24" spans="12:15" x14ac:dyDescent="0.35">
      <c r="L24" s="8"/>
      <c r="M24" s="6"/>
      <c r="N24" s="6"/>
    </row>
    <row r="25" spans="12:15" x14ac:dyDescent="0.35">
      <c r="L25" s="8"/>
      <c r="M25" s="6"/>
      <c r="N25" s="6"/>
    </row>
    <row r="26" spans="12:15" x14ac:dyDescent="0.35">
      <c r="L26" s="8"/>
      <c r="M26" s="6"/>
      <c r="N26" s="6"/>
    </row>
    <row r="27" spans="12:15" x14ac:dyDescent="0.35">
      <c r="L27" s="8"/>
      <c r="M27" s="6"/>
      <c r="N27" s="6"/>
    </row>
    <row r="28" spans="12:15" x14ac:dyDescent="0.35">
      <c r="L28" s="8"/>
      <c r="M28" s="6"/>
      <c r="N28" s="6"/>
    </row>
    <row r="29" spans="12:15" x14ac:dyDescent="0.35">
      <c r="L29" s="8"/>
      <c r="M29" s="6"/>
      <c r="N29" s="6"/>
    </row>
    <row r="30" spans="12:15" x14ac:dyDescent="0.35">
      <c r="L30" s="8"/>
      <c r="M30" s="6"/>
      <c r="N30" s="6"/>
    </row>
    <row r="31" spans="12:15" x14ac:dyDescent="0.35">
      <c r="L31" s="8"/>
      <c r="M31" s="6"/>
      <c r="N31" s="6"/>
    </row>
    <row r="32" spans="12:15" x14ac:dyDescent="0.35">
      <c r="L32" s="8"/>
      <c r="M32" s="6"/>
      <c r="N32" s="6"/>
    </row>
  </sheetData>
  <mergeCells count="1">
    <mergeCell ref="N8:Q8"/>
  </mergeCells>
  <hyperlinks>
    <hyperlink ref="L1" location="Contents!A1" display="&lt;&lt;&lt; back to content" xr:uid="{00000000-0004-0000-0200-000000000000}"/>
    <hyperlink ref="A4" r:id="rId1" xr:uid="{00000000-0004-0000-0200-000001000000}"/>
  </hyperlinks>
  <pageMargins left="0.7" right="0.7" top="0.75" bottom="0.75" header="0.3" footer="0.3"/>
  <pageSetup orientation="portrait" r:id="rId2"/>
  <drawing r:id="rId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dimension ref="A1:M46"/>
  <sheetViews>
    <sheetView showGridLines="0" zoomScale="80" zoomScaleNormal="80" workbookViewId="0"/>
  </sheetViews>
  <sheetFormatPr defaultColWidth="9.1328125" defaultRowHeight="12.75" x14ac:dyDescent="0.35"/>
  <cols>
    <col min="1" max="7" width="9.1328125" style="2"/>
    <col min="8" max="8" width="14" style="2" customWidth="1"/>
    <col min="9" max="9" width="3.73046875" style="3" customWidth="1"/>
    <col min="10" max="10" width="3.1328125" style="2" customWidth="1"/>
    <col min="11" max="11" width="18.265625" style="2" customWidth="1"/>
    <col min="12" max="12" width="10.1328125" style="2" customWidth="1"/>
    <col min="13" max="13" width="9.53125" style="2" customWidth="1"/>
    <col min="14" max="16384" width="9.1328125" style="2"/>
  </cols>
  <sheetData>
    <row r="1" spans="1:13" ht="13.5" x14ac:dyDescent="0.35">
      <c r="A1" s="1" t="s">
        <v>2</v>
      </c>
      <c r="K1" s="25" t="s">
        <v>3</v>
      </c>
      <c r="L1" s="11"/>
    </row>
    <row r="2" spans="1:13" x14ac:dyDescent="0.35">
      <c r="A2" s="4" t="s">
        <v>13</v>
      </c>
    </row>
    <row r="3" spans="1:13" ht="13.15" x14ac:dyDescent="0.4">
      <c r="A3" s="1" t="s">
        <v>4</v>
      </c>
      <c r="K3" s="5" t="s">
        <v>42</v>
      </c>
      <c r="L3" s="5"/>
    </row>
    <row r="4" spans="1:13" x14ac:dyDescent="0.35">
      <c r="A4" s="11" t="s">
        <v>12</v>
      </c>
      <c r="K4" s="2" t="s">
        <v>7</v>
      </c>
    </row>
    <row r="6" spans="1:13" ht="34.9" customHeight="1" thickBot="1" x14ac:dyDescent="0.4">
      <c r="K6" s="13"/>
      <c r="L6" s="38" t="s">
        <v>40</v>
      </c>
      <c r="M6" s="38" t="s">
        <v>41</v>
      </c>
    </row>
    <row r="7" spans="1:13" ht="13.15" thickTop="1" x14ac:dyDescent="0.35">
      <c r="K7" s="39">
        <v>42736</v>
      </c>
      <c r="L7" s="37">
        <v>3.1441048034934442</v>
      </c>
      <c r="M7" s="37">
        <v>1.7746228926353149</v>
      </c>
    </row>
    <row r="8" spans="1:13" x14ac:dyDescent="0.35">
      <c r="K8" s="39">
        <v>42767</v>
      </c>
      <c r="L8" s="37">
        <v>4.4541484716157154</v>
      </c>
      <c r="M8" s="37">
        <v>1.9451812555260857</v>
      </c>
    </row>
    <row r="9" spans="1:13" x14ac:dyDescent="0.35">
      <c r="K9" s="39">
        <v>42795</v>
      </c>
      <c r="L9" s="37">
        <v>4.9209138840070379</v>
      </c>
      <c r="M9" s="37">
        <v>2.035398230088493</v>
      </c>
    </row>
    <row r="10" spans="1:13" x14ac:dyDescent="0.35">
      <c r="K10" s="39">
        <v>42826</v>
      </c>
      <c r="L10" s="37">
        <v>4.2869641294838194</v>
      </c>
      <c r="M10" s="37">
        <v>2.0335985853227334</v>
      </c>
    </row>
    <row r="11" spans="1:13" x14ac:dyDescent="0.35">
      <c r="K11" s="39">
        <v>42856</v>
      </c>
      <c r="L11" s="37">
        <v>3.8394415357766194</v>
      </c>
      <c r="M11" s="37">
        <v>1.9400352733685966</v>
      </c>
    </row>
    <row r="12" spans="1:13" x14ac:dyDescent="0.35">
      <c r="K12" s="39">
        <v>42887</v>
      </c>
      <c r="L12" s="37">
        <v>3.3972125435540121</v>
      </c>
      <c r="M12" s="37">
        <v>1.851851851851847</v>
      </c>
    </row>
    <row r="13" spans="1:13" x14ac:dyDescent="0.35">
      <c r="K13" s="39">
        <v>42917</v>
      </c>
      <c r="L13" s="37">
        <v>3.1277150304083485</v>
      </c>
      <c r="M13" s="37">
        <v>1.851851851851847</v>
      </c>
    </row>
    <row r="14" spans="1:13" x14ac:dyDescent="0.35">
      <c r="K14" s="39">
        <v>42948</v>
      </c>
      <c r="L14" s="37">
        <v>3.6332179930795876</v>
      </c>
      <c r="M14" s="37">
        <v>1.8421052631578898</v>
      </c>
    </row>
    <row r="15" spans="1:13" x14ac:dyDescent="0.35">
      <c r="K15" s="39">
        <v>42979</v>
      </c>
      <c r="L15" s="37">
        <v>4.1630529054640046</v>
      </c>
      <c r="M15" s="37">
        <v>1.7543859649122806</v>
      </c>
    </row>
    <row r="16" spans="1:13" x14ac:dyDescent="0.35">
      <c r="K16" s="39">
        <v>43009</v>
      </c>
      <c r="L16" s="37">
        <v>3.7165082108902308</v>
      </c>
      <c r="M16" s="37">
        <v>1.6637478108581361</v>
      </c>
    </row>
    <row r="17" spans="11:13" x14ac:dyDescent="0.35">
      <c r="K17" s="39">
        <v>43040</v>
      </c>
      <c r="L17" s="37">
        <v>3.4246575342465753</v>
      </c>
      <c r="M17" s="37">
        <v>1.4834205933682398</v>
      </c>
    </row>
    <row r="18" spans="11:13" x14ac:dyDescent="0.35">
      <c r="K18" s="39">
        <v>43070</v>
      </c>
      <c r="L18" s="37">
        <v>3.510273972602747</v>
      </c>
      <c r="M18" s="37">
        <v>1.3077593722755012</v>
      </c>
    </row>
    <row r="19" spans="11:13" x14ac:dyDescent="0.35">
      <c r="K19" s="39">
        <v>43101</v>
      </c>
      <c r="L19" s="37">
        <v>2.7095681625740924</v>
      </c>
      <c r="M19" s="37">
        <v>1.5693112467305992</v>
      </c>
    </row>
    <row r="20" spans="11:13" x14ac:dyDescent="0.35">
      <c r="K20" s="39">
        <v>43132</v>
      </c>
      <c r="L20" s="37">
        <v>1.4214046822742499</v>
      </c>
      <c r="M20" s="37">
        <v>1.1274934952298328</v>
      </c>
    </row>
    <row r="21" spans="11:13" x14ac:dyDescent="0.35">
      <c r="K21" s="39">
        <v>43160</v>
      </c>
      <c r="L21" s="37">
        <v>1.2562814070351758</v>
      </c>
      <c r="M21" s="37">
        <v>1.2142237640936737</v>
      </c>
    </row>
    <row r="22" spans="11:13" x14ac:dyDescent="0.35">
      <c r="K22" s="39">
        <v>43191</v>
      </c>
      <c r="L22" s="37">
        <v>1.4261744966442977</v>
      </c>
      <c r="M22" s="37">
        <v>1.2131715771230429</v>
      </c>
    </row>
    <row r="23" spans="11:13" x14ac:dyDescent="0.35">
      <c r="K23" s="39">
        <v>43221</v>
      </c>
      <c r="L23" s="37">
        <v>1.7647058823529362</v>
      </c>
      <c r="M23" s="37">
        <v>1.2975778546712804</v>
      </c>
    </row>
    <row r="24" spans="11:13" x14ac:dyDescent="0.35">
      <c r="K24" s="39">
        <v>43252</v>
      </c>
      <c r="L24" s="37">
        <v>0.75821398483571312</v>
      </c>
      <c r="M24" s="37">
        <v>-0.17316017316017562</v>
      </c>
    </row>
    <row r="25" spans="11:13" x14ac:dyDescent="0.35">
      <c r="K25" s="39">
        <v>43282</v>
      </c>
      <c r="L25" s="37">
        <v>0.92670598146587568</v>
      </c>
      <c r="M25" s="37">
        <v>-0.17316017316017562</v>
      </c>
    </row>
    <row r="26" spans="11:13" x14ac:dyDescent="0.35">
      <c r="K26" s="39">
        <v>43313</v>
      </c>
      <c r="L26" s="37">
        <v>0.16694490818030289</v>
      </c>
      <c r="M26" s="37">
        <v>-0.4306632213608958</v>
      </c>
    </row>
    <row r="27" spans="11:13" x14ac:dyDescent="0.35">
      <c r="K27" s="39">
        <v>43344</v>
      </c>
      <c r="L27" s="37">
        <v>0.33305578684430115</v>
      </c>
      <c r="M27" s="37">
        <v>0.25862068965516993</v>
      </c>
    </row>
    <row r="28" spans="11:13" x14ac:dyDescent="0.35">
      <c r="K28" s="39">
        <v>43374</v>
      </c>
      <c r="L28" s="37">
        <v>0.5833333333333357</v>
      </c>
      <c r="M28" s="37">
        <v>8.6132644272186504E-2</v>
      </c>
    </row>
    <row r="29" spans="11:13" x14ac:dyDescent="0.35">
      <c r="K29" s="39">
        <v>43405</v>
      </c>
      <c r="L29" s="37">
        <v>0.16556291390728711</v>
      </c>
      <c r="M29" s="37">
        <v>0.25795356835769317</v>
      </c>
    </row>
    <row r="30" spans="11:13" x14ac:dyDescent="0.35">
      <c r="K30" s="39">
        <v>43435</v>
      </c>
      <c r="L30" s="37">
        <v>0.16542597187757538</v>
      </c>
      <c r="M30" s="37">
        <v>0.43029259896729782</v>
      </c>
    </row>
    <row r="31" spans="11:13" x14ac:dyDescent="0.35">
      <c r="K31" s="39">
        <v>43466</v>
      </c>
      <c r="L31" s="37">
        <v>-0.65952184666116831</v>
      </c>
      <c r="M31" s="37">
        <v>0.17167381974249171</v>
      </c>
    </row>
    <row r="32" spans="11:13" x14ac:dyDescent="0.35">
      <c r="K32" s="39">
        <v>43497</v>
      </c>
      <c r="L32" s="37">
        <v>-0.41220115416323161</v>
      </c>
      <c r="M32" s="37">
        <v>0.34305317324185736</v>
      </c>
    </row>
    <row r="33" spans="11:13" x14ac:dyDescent="0.35">
      <c r="K33" s="39">
        <v>43525</v>
      </c>
      <c r="L33" s="37">
        <v>0.16542597187757538</v>
      </c>
      <c r="M33" s="37">
        <v>0.34275921165380591</v>
      </c>
    </row>
    <row r="34" spans="11:13" x14ac:dyDescent="0.35">
      <c r="K34" s="39">
        <v>43556</v>
      </c>
      <c r="L34" s="37">
        <v>0.16542597187757538</v>
      </c>
      <c r="M34" s="37">
        <v>0.25684931506849074</v>
      </c>
    </row>
    <row r="35" spans="11:13" x14ac:dyDescent="0.35">
      <c r="K35" s="39">
        <v>43586</v>
      </c>
      <c r="L35" s="37">
        <v>0.24772914946326291</v>
      </c>
      <c r="M35" s="37">
        <v>0.25619128949616687</v>
      </c>
    </row>
    <row r="36" spans="11:13" x14ac:dyDescent="0.35">
      <c r="K36" s="39">
        <v>43617</v>
      </c>
      <c r="L36" s="37">
        <v>1.5050167224080364</v>
      </c>
      <c r="M36" s="37">
        <v>1.9080659150043391</v>
      </c>
    </row>
    <row r="37" spans="11:13" x14ac:dyDescent="0.35">
      <c r="K37" s="39">
        <v>43647</v>
      </c>
      <c r="L37" s="37">
        <v>1.4190317195325566</v>
      </c>
      <c r="M37" s="37">
        <v>1.8213356461405106</v>
      </c>
    </row>
    <row r="38" spans="11:13" x14ac:dyDescent="0.35">
      <c r="K38" s="39">
        <v>43678</v>
      </c>
      <c r="L38" s="37">
        <v>1.4999999999999976</v>
      </c>
      <c r="M38" s="37">
        <v>1.9031141868512136</v>
      </c>
    </row>
    <row r="39" spans="11:13" x14ac:dyDescent="0.35">
      <c r="K39" s="39">
        <v>43709</v>
      </c>
      <c r="L39" s="37">
        <v>1.0788381742738566</v>
      </c>
      <c r="M39" s="37">
        <v>1.3757523645743839</v>
      </c>
    </row>
    <row r="40" spans="11:13" x14ac:dyDescent="0.35">
      <c r="K40" s="39">
        <v>43739</v>
      </c>
      <c r="L40" s="37">
        <v>1.0770505385252669</v>
      </c>
      <c r="M40" s="37">
        <v>1.7211703958691913</v>
      </c>
    </row>
    <row r="41" spans="11:13" x14ac:dyDescent="0.35">
      <c r="K41" s="39">
        <v>43770</v>
      </c>
      <c r="L41" s="37">
        <v>0.9090909090909044</v>
      </c>
      <c r="M41" s="37">
        <v>1.543739279588346</v>
      </c>
    </row>
    <row r="42" spans="11:13" x14ac:dyDescent="0.35">
      <c r="K42" s="39">
        <v>43800</v>
      </c>
      <c r="L42" s="37">
        <v>0.99091659785301645</v>
      </c>
      <c r="M42" s="37">
        <v>1.4567266495287086</v>
      </c>
    </row>
    <row r="43" spans="11:13" x14ac:dyDescent="0.35">
      <c r="K43" s="39">
        <v>43831</v>
      </c>
      <c r="L43" s="37">
        <v>1.5767634854771828</v>
      </c>
      <c r="M43" s="37">
        <v>1.5424164524421569</v>
      </c>
    </row>
    <row r="46" spans="11:13" x14ac:dyDescent="0.35">
      <c r="K46" s="2" t="s">
        <v>43</v>
      </c>
    </row>
  </sheetData>
  <phoneticPr fontId="13" type="noConversion"/>
  <hyperlinks>
    <hyperlink ref="K1" location="Contents!A1" display="&lt;&lt;&lt; back to content" xr:uid="{00000000-0004-0000-0900-000000000000}"/>
    <hyperlink ref="A4" r:id="rId1" xr:uid="{00000000-0004-0000-0900-000001000000}"/>
  </hyperlinks>
  <pageMargins left="0.7" right="0.7" top="0.75" bottom="0.75" header="0.3" footer="0.3"/>
  <pageSetup orientation="portrait" verticalDpi="0" r:id="rId2"/>
  <drawing r:id="rId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C1129D5-B161-4697-89F6-10844186C54D}">
  <dimension ref="A1:Q32"/>
  <sheetViews>
    <sheetView showGridLines="0" zoomScale="80" zoomScaleNormal="80" workbookViewId="0"/>
  </sheetViews>
  <sheetFormatPr defaultColWidth="9.1328125" defaultRowHeight="12.75" x14ac:dyDescent="0.35"/>
  <cols>
    <col min="1" max="9" width="9.1328125" style="2"/>
    <col min="10" max="10" width="3.73046875" style="3" customWidth="1"/>
    <col min="11" max="11" width="3.1328125" style="2" customWidth="1"/>
    <col min="12" max="12" width="9.1328125" style="2"/>
    <col min="13" max="13" width="15.59765625" style="2" customWidth="1"/>
    <col min="14" max="14" width="11.86328125" style="2" customWidth="1"/>
    <col min="15" max="15" width="11.265625" style="2" customWidth="1"/>
    <col min="16" max="17" width="12.265625" style="2" customWidth="1"/>
    <col min="18" max="16384" width="9.1328125" style="2"/>
  </cols>
  <sheetData>
    <row r="1" spans="1:17" ht="13.5" x14ac:dyDescent="0.35">
      <c r="A1" s="1" t="s">
        <v>2</v>
      </c>
      <c r="L1" s="25" t="s">
        <v>3</v>
      </c>
    </row>
    <row r="2" spans="1:17" x14ac:dyDescent="0.35">
      <c r="A2" s="4" t="s">
        <v>13</v>
      </c>
    </row>
    <row r="3" spans="1:17" ht="13.15" x14ac:dyDescent="0.4">
      <c r="A3" s="1" t="s">
        <v>4</v>
      </c>
      <c r="L3" s="5" t="s">
        <v>44</v>
      </c>
    </row>
    <row r="4" spans="1:17" x14ac:dyDescent="0.35">
      <c r="A4" s="11" t="s">
        <v>12</v>
      </c>
      <c r="L4" s="2" t="s">
        <v>49</v>
      </c>
    </row>
    <row r="7" spans="1:17" ht="29.25" customHeight="1" x14ac:dyDescent="0.35">
      <c r="M7" s="31" t="s">
        <v>45</v>
      </c>
      <c r="N7" s="30" t="s">
        <v>46</v>
      </c>
      <c r="O7" s="30" t="s">
        <v>47</v>
      </c>
      <c r="P7" s="30" t="s">
        <v>48</v>
      </c>
      <c r="Q7" s="30" t="s">
        <v>39</v>
      </c>
    </row>
    <row r="8" spans="1:17" ht="13.15" customHeight="1" thickBot="1" x14ac:dyDescent="0.4">
      <c r="L8" s="12"/>
      <c r="M8" s="27"/>
      <c r="N8" s="67"/>
      <c r="O8" s="67"/>
      <c r="P8" s="67"/>
      <c r="Q8" s="67"/>
    </row>
    <row r="9" spans="1:17" ht="13.15" thickTop="1" x14ac:dyDescent="0.35">
      <c r="L9" s="21">
        <v>2015</v>
      </c>
      <c r="M9" s="36">
        <v>2.9869627279532329</v>
      </c>
      <c r="N9" s="36">
        <v>57.885211833048558</v>
      </c>
      <c r="O9" s="36">
        <v>-48.604917068909984</v>
      </c>
      <c r="P9" s="36">
        <v>-6.2933320361853298</v>
      </c>
      <c r="Q9" s="36">
        <v>0.17804843203085935</v>
      </c>
    </row>
    <row r="10" spans="1:17" x14ac:dyDescent="0.35">
      <c r="L10" s="21">
        <v>2016</v>
      </c>
      <c r="M10" s="36">
        <v>2.3931601875012962</v>
      </c>
      <c r="N10" s="36">
        <v>54.964922885369106</v>
      </c>
      <c r="O10" s="36">
        <v>-46.799283826972591</v>
      </c>
      <c r="P10" s="36">
        <v>-5.7724788708952097</v>
      </c>
      <c r="Q10" s="36">
        <v>0.11045583423468126</v>
      </c>
    </row>
    <row r="11" spans="1:17" x14ac:dyDescent="0.35">
      <c r="L11" s="21">
        <v>2017</v>
      </c>
      <c r="M11" s="36">
        <v>2.7919595989641621</v>
      </c>
      <c r="N11" s="36">
        <v>58.425637845861324</v>
      </c>
      <c r="O11" s="36">
        <v>-49.887498687709964</v>
      </c>
      <c r="P11" s="36">
        <v>-5.7461795591871967</v>
      </c>
      <c r="Q11" s="36">
        <v>0.16895629425239483</v>
      </c>
    </row>
    <row r="12" spans="1:17" x14ac:dyDescent="0.35">
      <c r="L12" s="21">
        <v>2018</v>
      </c>
      <c r="M12" s="36">
        <v>2.1140126503717589</v>
      </c>
      <c r="N12" s="36">
        <v>57.556718298392305</v>
      </c>
      <c r="O12" s="36">
        <v>-49.319724323629465</v>
      </c>
      <c r="P12" s="36">
        <v>-6.1229813243910858</v>
      </c>
      <c r="Q12" s="36">
        <v>-0.15955110289507554</v>
      </c>
    </row>
    <row r="13" spans="1:17" ht="12.75" customHeight="1" x14ac:dyDescent="0.35">
      <c r="L13" s="21">
        <v>2019</v>
      </c>
      <c r="M13" s="36">
        <v>3.2923598971381938</v>
      </c>
      <c r="N13" s="36">
        <v>54.130084427425842</v>
      </c>
      <c r="O13" s="36">
        <v>-45.820831499273559</v>
      </c>
      <c r="P13" s="36">
        <v>-5.0168930310140896</v>
      </c>
      <c r="Q13" s="36">
        <v>-1.4028304859301977E-2</v>
      </c>
    </row>
    <row r="14" spans="1:17" x14ac:dyDescent="0.35">
      <c r="L14" s="23"/>
      <c r="M14" s="6"/>
      <c r="N14" s="6"/>
    </row>
    <row r="15" spans="1:17" x14ac:dyDescent="0.35">
      <c r="L15" s="24"/>
      <c r="M15" s="6"/>
      <c r="N15" s="22"/>
      <c r="O15" s="15"/>
    </row>
    <row r="16" spans="1:17" x14ac:dyDescent="0.35">
      <c r="L16" s="2" t="s">
        <v>50</v>
      </c>
      <c r="M16" s="15"/>
      <c r="N16" s="15"/>
      <c r="O16" s="15"/>
    </row>
    <row r="17" spans="12:15" x14ac:dyDescent="0.35">
      <c r="L17" s="15"/>
      <c r="M17" s="15"/>
      <c r="N17" s="15"/>
      <c r="O17" s="15"/>
    </row>
    <row r="18" spans="12:15" x14ac:dyDescent="0.35">
      <c r="M18" s="6"/>
      <c r="N18" s="6"/>
    </row>
    <row r="19" spans="12:15" x14ac:dyDescent="0.35">
      <c r="M19" s="6"/>
      <c r="N19" s="6"/>
    </row>
    <row r="20" spans="12:15" x14ac:dyDescent="0.35">
      <c r="M20" s="6"/>
      <c r="N20" s="6"/>
    </row>
    <row r="21" spans="12:15" x14ac:dyDescent="0.35">
      <c r="L21" s="8"/>
      <c r="M21" s="6"/>
      <c r="N21" s="6"/>
    </row>
    <row r="22" spans="12:15" x14ac:dyDescent="0.35">
      <c r="L22" s="8"/>
      <c r="M22" s="6"/>
      <c r="N22" s="6"/>
    </row>
    <row r="23" spans="12:15" x14ac:dyDescent="0.35">
      <c r="L23" s="8"/>
      <c r="M23" s="6"/>
      <c r="N23" s="6"/>
    </row>
    <row r="24" spans="12:15" x14ac:dyDescent="0.35">
      <c r="L24" s="8"/>
      <c r="M24" s="6"/>
      <c r="N24" s="6"/>
    </row>
    <row r="25" spans="12:15" x14ac:dyDescent="0.35">
      <c r="L25" s="8"/>
      <c r="M25" s="6"/>
      <c r="N25" s="6"/>
    </row>
    <row r="26" spans="12:15" x14ac:dyDescent="0.35">
      <c r="L26" s="8"/>
      <c r="M26" s="6"/>
      <c r="N26" s="6"/>
    </row>
    <row r="27" spans="12:15" x14ac:dyDescent="0.35">
      <c r="L27" s="8"/>
      <c r="M27" s="6"/>
      <c r="N27" s="6"/>
    </row>
    <row r="28" spans="12:15" x14ac:dyDescent="0.35">
      <c r="L28" s="8"/>
      <c r="M28" s="6"/>
      <c r="N28" s="6"/>
    </row>
    <row r="29" spans="12:15" x14ac:dyDescent="0.35">
      <c r="L29" s="8"/>
      <c r="M29" s="6"/>
      <c r="N29" s="6"/>
    </row>
    <row r="30" spans="12:15" x14ac:dyDescent="0.35">
      <c r="L30" s="8"/>
      <c r="M30" s="6"/>
      <c r="N30" s="6"/>
    </row>
    <row r="31" spans="12:15" x14ac:dyDescent="0.35">
      <c r="L31" s="8"/>
      <c r="M31" s="6"/>
      <c r="N31" s="6"/>
    </row>
    <row r="32" spans="12:15" x14ac:dyDescent="0.35">
      <c r="L32" s="8"/>
      <c r="M32" s="6"/>
      <c r="N32" s="6"/>
    </row>
  </sheetData>
  <mergeCells count="1">
    <mergeCell ref="N8:Q8"/>
  </mergeCells>
  <hyperlinks>
    <hyperlink ref="L1" location="Contents!A1" display="&lt;&lt;&lt; back to content" xr:uid="{E3EC3003-FF54-493C-A55C-380F7DD4A7C2}"/>
    <hyperlink ref="A4" r:id="rId1" xr:uid="{1BC5C11D-1BE9-49C6-9F06-799B2CE500AA}"/>
  </hyperlinks>
  <pageMargins left="0.7" right="0.7" top="0.75" bottom="0.75" header="0.3" footer="0.3"/>
  <pageSetup orientation="portrait" r:id="rId2"/>
  <drawing r:id="rId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5E9CD41-DCFD-472D-8902-43689DEDF674}">
  <sheetPr>
    <pageSetUpPr fitToPage="1"/>
  </sheetPr>
  <dimension ref="A1:M37"/>
  <sheetViews>
    <sheetView showGridLines="0" zoomScale="80" zoomScaleNormal="80" workbookViewId="0">
      <selection activeCell="K34" sqref="K34"/>
    </sheetView>
  </sheetViews>
  <sheetFormatPr defaultColWidth="9.59765625" defaultRowHeight="13.5" x14ac:dyDescent="0.35"/>
  <cols>
    <col min="1" max="6" width="12.33203125" style="42" customWidth="1"/>
    <col min="7" max="7" width="3.33203125" style="43" customWidth="1"/>
    <col min="8" max="8" width="3.33203125" style="41" customWidth="1"/>
    <col min="9" max="9" width="9.59765625" style="45"/>
    <col min="10" max="10" width="11.19921875" style="45" bestFit="1" customWidth="1"/>
    <col min="11" max="12" width="12.3984375" style="45" customWidth="1"/>
    <col min="13" max="13" width="14.1328125" style="45" bestFit="1" customWidth="1"/>
    <col min="14" max="16384" width="9.59765625" style="45"/>
  </cols>
  <sheetData>
    <row r="1" spans="1:13" x14ac:dyDescent="0.35">
      <c r="A1" s="40" t="s">
        <v>2</v>
      </c>
      <c r="B1" s="41"/>
      <c r="C1" s="41"/>
      <c r="D1" s="41"/>
      <c r="E1" s="41"/>
      <c r="I1" s="44" t="s">
        <v>3</v>
      </c>
    </row>
    <row r="2" spans="1:13" x14ac:dyDescent="0.35">
      <c r="A2" s="46" t="s">
        <v>51</v>
      </c>
      <c r="B2" s="41"/>
      <c r="C2" s="41"/>
      <c r="D2" s="41"/>
      <c r="E2" s="41"/>
      <c r="I2" s="47"/>
    </row>
    <row r="3" spans="1:13" ht="13.9" x14ac:dyDescent="0.4">
      <c r="A3" s="40" t="s">
        <v>4</v>
      </c>
      <c r="B3" s="41"/>
      <c r="C3" s="41"/>
      <c r="D3" s="41"/>
      <c r="E3" s="41"/>
      <c r="I3" s="48" t="s">
        <v>72</v>
      </c>
    </row>
    <row r="4" spans="1:13" x14ac:dyDescent="0.35">
      <c r="A4" s="49" t="s">
        <v>12</v>
      </c>
      <c r="B4" s="41"/>
      <c r="C4" s="41"/>
      <c r="D4" s="41"/>
      <c r="E4" s="41"/>
      <c r="I4" s="45" t="s">
        <v>83</v>
      </c>
      <c r="M4" s="50"/>
    </row>
    <row r="5" spans="1:13" x14ac:dyDescent="0.35">
      <c r="A5" s="51"/>
    </row>
    <row r="6" spans="1:13" x14ac:dyDescent="0.35">
      <c r="A6" s="41"/>
      <c r="J6" s="52"/>
      <c r="K6" s="52"/>
      <c r="L6" s="52"/>
    </row>
    <row r="7" spans="1:13" ht="23.65" thickBot="1" x14ac:dyDescent="0.4">
      <c r="I7" s="53"/>
      <c r="J7" s="54" t="s">
        <v>70</v>
      </c>
      <c r="K7" s="54" t="s">
        <v>71</v>
      </c>
      <c r="L7" s="55"/>
    </row>
    <row r="8" spans="1:13" ht="13.9" thickTop="1" x14ac:dyDescent="0.35">
      <c r="I8" s="47" t="s">
        <v>54</v>
      </c>
      <c r="J8" s="57">
        <v>0.41322314049587305</v>
      </c>
      <c r="K8" s="57">
        <v>-8.0198019801980109</v>
      </c>
      <c r="L8" s="58"/>
    </row>
    <row r="9" spans="1:13" x14ac:dyDescent="0.35">
      <c r="I9" s="47" t="s">
        <v>58</v>
      </c>
      <c r="J9" s="57">
        <v>9.4839609483961027</v>
      </c>
      <c r="K9" s="57">
        <v>11.530398322851141</v>
      </c>
      <c r="L9" s="58"/>
    </row>
    <row r="10" spans="1:13" x14ac:dyDescent="0.35">
      <c r="I10" s="47" t="s">
        <v>59</v>
      </c>
      <c r="J10" s="57">
        <v>4.8433048433048356</v>
      </c>
      <c r="K10" s="57">
        <v>-2.893518518518519</v>
      </c>
      <c r="L10" s="58"/>
    </row>
    <row r="11" spans="1:13" x14ac:dyDescent="0.35">
      <c r="I11" s="47" t="s">
        <v>60</v>
      </c>
      <c r="J11" s="57">
        <v>9.4043887147335425</v>
      </c>
      <c r="K11" s="57">
        <v>-6.7738231917336265</v>
      </c>
      <c r="L11" s="58"/>
    </row>
    <row r="12" spans="1:13" x14ac:dyDescent="0.35">
      <c r="I12" s="47" t="s">
        <v>55</v>
      </c>
      <c r="J12" s="57">
        <v>5.0754458161865301</v>
      </c>
      <c r="K12" s="57">
        <v>21.313240043057036</v>
      </c>
      <c r="L12" s="58"/>
    </row>
    <row r="13" spans="1:13" x14ac:dyDescent="0.35">
      <c r="I13" s="47" t="s">
        <v>61</v>
      </c>
      <c r="J13" s="57">
        <v>2.8025477707006416</v>
      </c>
      <c r="K13" s="57">
        <v>7.2368421052631362</v>
      </c>
      <c r="L13" s="59"/>
    </row>
    <row r="14" spans="1:13" x14ac:dyDescent="0.35">
      <c r="I14" s="47" t="s">
        <v>62</v>
      </c>
      <c r="J14" s="57">
        <v>4.7554347826086882</v>
      </c>
      <c r="K14" s="57">
        <v>22.884386174016669</v>
      </c>
      <c r="L14" s="59"/>
    </row>
    <row r="15" spans="1:13" x14ac:dyDescent="0.35">
      <c r="I15" s="47" t="s">
        <v>63</v>
      </c>
      <c r="J15" s="57">
        <v>18.338108882521496</v>
      </c>
      <c r="K15" s="57">
        <v>25</v>
      </c>
    </row>
    <row r="16" spans="1:13" x14ac:dyDescent="0.35">
      <c r="I16" s="47" t="s">
        <v>56</v>
      </c>
      <c r="J16" s="57">
        <v>18.798955613577021</v>
      </c>
      <c r="K16" s="57">
        <v>-12.511091393078971</v>
      </c>
    </row>
    <row r="17" spans="9:13" x14ac:dyDescent="0.35">
      <c r="I17" s="47" t="s">
        <v>64</v>
      </c>
      <c r="J17" s="57">
        <v>64.684014869888472</v>
      </c>
      <c r="K17" s="57">
        <v>1.9281332164767804</v>
      </c>
    </row>
    <row r="18" spans="9:13" x14ac:dyDescent="0.35">
      <c r="I18" s="47" t="s">
        <v>65</v>
      </c>
      <c r="J18" s="57">
        <v>39.429312581063556</v>
      </c>
      <c r="K18" s="57">
        <v>5.5286129970901925</v>
      </c>
    </row>
    <row r="19" spans="9:13" x14ac:dyDescent="0.35">
      <c r="I19" s="47" t="s">
        <v>66</v>
      </c>
      <c r="J19" s="57">
        <v>17.191283292978213</v>
      </c>
      <c r="K19" s="57">
        <v>-6.1083743842364555</v>
      </c>
    </row>
    <row r="20" spans="9:13" x14ac:dyDescent="0.35">
      <c r="I20" s="47" t="s">
        <v>57</v>
      </c>
      <c r="J20" s="57">
        <v>-5.9340659340659414</v>
      </c>
      <c r="K20" s="57">
        <v>-4.3610547667342701</v>
      </c>
    </row>
    <row r="21" spans="9:13" x14ac:dyDescent="0.35">
      <c r="I21" s="47" t="s">
        <v>67</v>
      </c>
      <c r="J21" s="57">
        <v>-30.02257336343115</v>
      </c>
      <c r="K21" s="57">
        <v>-19.002579535683566</v>
      </c>
    </row>
    <row r="22" spans="9:13" x14ac:dyDescent="0.35">
      <c r="I22" s="47" t="s">
        <v>68</v>
      </c>
      <c r="J22" s="57">
        <v>-21.860465116279073</v>
      </c>
      <c r="K22" s="57">
        <v>-36.580882352941181</v>
      </c>
    </row>
    <row r="23" spans="9:13" x14ac:dyDescent="0.35">
      <c r="I23" s="47" t="s">
        <v>69</v>
      </c>
      <c r="J23" s="57">
        <v>-14.97933884297521</v>
      </c>
      <c r="K23" s="57">
        <v>-7.345225603357818</v>
      </c>
    </row>
    <row r="24" spans="9:13" x14ac:dyDescent="0.35">
      <c r="J24" s="57"/>
    </row>
    <row r="25" spans="9:13" x14ac:dyDescent="0.35">
      <c r="I25" s="45" t="s">
        <v>74</v>
      </c>
      <c r="J25" s="57"/>
    </row>
    <row r="26" spans="9:13" x14ac:dyDescent="0.35">
      <c r="I26" s="45" t="s">
        <v>75</v>
      </c>
      <c r="J26" s="57"/>
    </row>
    <row r="27" spans="9:13" x14ac:dyDescent="0.35">
      <c r="J27" s="57"/>
    </row>
    <row r="28" spans="9:13" ht="13.9" x14ac:dyDescent="0.4">
      <c r="K28" s="60"/>
    </row>
    <row r="29" spans="9:13" x14ac:dyDescent="0.35">
      <c r="J29" s="61"/>
    </row>
    <row r="30" spans="9:13" x14ac:dyDescent="0.35">
      <c r="I30" s="56"/>
      <c r="J30" s="62"/>
      <c r="K30" s="62"/>
      <c r="L30" s="63"/>
      <c r="M30" s="63"/>
    </row>
    <row r="31" spans="9:13" x14ac:dyDescent="0.35">
      <c r="I31" s="56"/>
      <c r="J31" s="62"/>
      <c r="K31" s="62"/>
      <c r="L31" s="63"/>
      <c r="M31" s="63"/>
    </row>
    <row r="32" spans="9:13" x14ac:dyDescent="0.35">
      <c r="I32" s="56"/>
      <c r="J32" s="62"/>
      <c r="K32" s="62"/>
      <c r="L32" s="63"/>
      <c r="M32" s="63"/>
    </row>
    <row r="33" spans="9:13" x14ac:dyDescent="0.35">
      <c r="I33" s="56"/>
      <c r="J33" s="62"/>
      <c r="K33" s="62"/>
      <c r="L33" s="63"/>
      <c r="M33" s="63"/>
    </row>
    <row r="34" spans="9:13" x14ac:dyDescent="0.35">
      <c r="I34" s="56"/>
      <c r="J34" s="62"/>
      <c r="K34" s="62"/>
      <c r="L34" s="63"/>
      <c r="M34" s="63"/>
    </row>
    <row r="35" spans="9:13" x14ac:dyDescent="0.35">
      <c r="I35" s="56"/>
      <c r="J35" s="62"/>
      <c r="K35" s="62"/>
      <c r="L35" s="63"/>
      <c r="M35" s="63"/>
    </row>
    <row r="36" spans="9:13" x14ac:dyDescent="0.35">
      <c r="J36" s="62"/>
      <c r="K36" s="62"/>
    </row>
    <row r="37" spans="9:13" x14ac:dyDescent="0.35">
      <c r="J37" s="62"/>
      <c r="K37" s="62"/>
    </row>
  </sheetData>
  <hyperlinks>
    <hyperlink ref="I1" location="Contents!A1" display="&lt;&lt;&lt; back to content" xr:uid="{F340495F-3FB4-400B-924F-3C433795B68E}"/>
    <hyperlink ref="A4" r:id="rId1" display="'https://www.adb.org/ado2020" xr:uid="{7D111DB7-32C9-4497-BEEE-11958477319F}"/>
  </hyperlinks>
  <pageMargins left="0.75" right="0.75" top="1" bottom="1" header="0.5" footer="0.5"/>
  <pageSetup scale="93" orientation="landscape" r:id="rId2"/>
  <headerFooter alignWithMargins="0"/>
  <drawing r:id="rId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894C0D-AB8E-48C3-A3BD-1A2E91B7ABBA}">
  <sheetPr>
    <pageSetUpPr fitToPage="1"/>
  </sheetPr>
  <dimension ref="A1:M37"/>
  <sheetViews>
    <sheetView showGridLines="0" zoomScale="80" zoomScaleNormal="80" workbookViewId="0">
      <selection activeCell="P31" sqref="P31"/>
    </sheetView>
  </sheetViews>
  <sheetFormatPr defaultColWidth="9.59765625" defaultRowHeight="13.5" x14ac:dyDescent="0.35"/>
  <cols>
    <col min="1" max="6" width="9.59765625" style="42"/>
    <col min="7" max="7" width="3.33203125" style="43" customWidth="1"/>
    <col min="8" max="8" width="3.33203125" style="41" customWidth="1"/>
    <col min="9" max="9" width="9.59765625" style="45"/>
    <col min="10" max="10" width="11.19921875" style="45" bestFit="1" customWidth="1"/>
    <col min="11" max="12" width="12.3984375" style="45" customWidth="1"/>
    <col min="13" max="13" width="14.1328125" style="45" bestFit="1" customWidth="1"/>
    <col min="14" max="16384" width="9.59765625" style="45"/>
  </cols>
  <sheetData>
    <row r="1" spans="1:13" x14ac:dyDescent="0.35">
      <c r="A1" s="40" t="s">
        <v>2</v>
      </c>
      <c r="B1" s="41"/>
      <c r="C1" s="41"/>
      <c r="D1" s="41"/>
      <c r="E1" s="41"/>
      <c r="I1" s="44" t="s">
        <v>3</v>
      </c>
    </row>
    <row r="2" spans="1:13" x14ac:dyDescent="0.35">
      <c r="A2" s="46" t="s">
        <v>51</v>
      </c>
      <c r="B2" s="41"/>
      <c r="C2" s="41"/>
      <c r="D2" s="41"/>
      <c r="E2" s="41"/>
      <c r="I2" s="47"/>
    </row>
    <row r="3" spans="1:13" ht="13.9" x14ac:dyDescent="0.4">
      <c r="A3" s="40" t="s">
        <v>4</v>
      </c>
      <c r="B3" s="41"/>
      <c r="C3" s="41"/>
      <c r="D3" s="41"/>
      <c r="E3" s="41"/>
      <c r="I3" s="48" t="s">
        <v>76</v>
      </c>
    </row>
    <row r="4" spans="1:13" x14ac:dyDescent="0.35">
      <c r="A4" s="49" t="s">
        <v>12</v>
      </c>
      <c r="B4" s="41"/>
      <c r="C4" s="41"/>
      <c r="D4" s="41"/>
      <c r="E4" s="41"/>
      <c r="I4" s="45" t="s">
        <v>52</v>
      </c>
      <c r="M4" s="50"/>
    </row>
    <row r="5" spans="1:13" x14ac:dyDescent="0.35">
      <c r="A5" s="51"/>
    </row>
    <row r="6" spans="1:13" x14ac:dyDescent="0.35">
      <c r="A6" s="41"/>
      <c r="J6" s="52"/>
      <c r="K6" s="52"/>
      <c r="L6" s="52"/>
    </row>
    <row r="7" spans="1:13" ht="23.65" thickBot="1" x14ac:dyDescent="0.4">
      <c r="I7" s="53"/>
      <c r="J7" s="64" t="s">
        <v>33</v>
      </c>
      <c r="K7" s="64" t="s">
        <v>53</v>
      </c>
      <c r="L7" s="55"/>
    </row>
    <row r="8" spans="1:13" ht="13.9" thickTop="1" x14ac:dyDescent="0.35">
      <c r="I8" s="47">
        <v>2015</v>
      </c>
      <c r="J8" s="57">
        <v>5.0915243945996167</v>
      </c>
      <c r="K8" s="57">
        <v>5.311863639602473</v>
      </c>
      <c r="L8" s="58"/>
    </row>
    <row r="9" spans="1:13" x14ac:dyDescent="0.35">
      <c r="I9" s="47">
        <v>2016</v>
      </c>
      <c r="J9" s="57">
        <v>4.4497557651572919</v>
      </c>
      <c r="K9" s="57">
        <v>5.1430328255164399</v>
      </c>
      <c r="L9" s="58"/>
    </row>
    <row r="10" spans="1:13" x14ac:dyDescent="0.35">
      <c r="I10" s="47">
        <v>2017</v>
      </c>
      <c r="J10" s="57">
        <v>5.741829576218251</v>
      </c>
      <c r="K10" s="57">
        <v>5.1967127736491676</v>
      </c>
      <c r="L10" s="58"/>
    </row>
    <row r="11" spans="1:13" x14ac:dyDescent="0.35">
      <c r="I11" s="47">
        <v>2018</v>
      </c>
      <c r="J11" s="57">
        <v>4.7416064503572102</v>
      </c>
      <c r="K11" s="57">
        <v>5.2062937840448198</v>
      </c>
      <c r="L11" s="58"/>
    </row>
    <row r="12" spans="1:13" x14ac:dyDescent="0.35">
      <c r="I12" s="47">
        <v>2019</v>
      </c>
      <c r="J12" s="57">
        <v>4.3301925109417141</v>
      </c>
      <c r="K12" s="57">
        <v>4.8709817394548169</v>
      </c>
      <c r="L12" s="58"/>
    </row>
    <row r="13" spans="1:13" x14ac:dyDescent="0.35">
      <c r="I13" s="47">
        <v>2020</v>
      </c>
      <c r="J13" s="57">
        <v>0.5</v>
      </c>
      <c r="K13" s="57">
        <v>3.9526768605348934</v>
      </c>
      <c r="L13" s="59" t="s">
        <v>78</v>
      </c>
    </row>
    <row r="14" spans="1:13" x14ac:dyDescent="0.35">
      <c r="I14" s="47">
        <v>2021</v>
      </c>
      <c r="J14" s="57">
        <v>5.5</v>
      </c>
      <c r="K14" s="57">
        <v>4.1627257075034354</v>
      </c>
      <c r="L14" s="59" t="s">
        <v>78</v>
      </c>
    </row>
    <row r="15" spans="1:13" x14ac:dyDescent="0.35">
      <c r="I15" s="47"/>
      <c r="J15" s="57"/>
      <c r="K15" s="57"/>
    </row>
    <row r="16" spans="1:13" x14ac:dyDescent="0.35">
      <c r="I16" s="47" t="s">
        <v>77</v>
      </c>
      <c r="J16" s="57"/>
      <c r="K16" s="57"/>
    </row>
    <row r="17" spans="9:13" x14ac:dyDescent="0.35">
      <c r="J17" s="57"/>
      <c r="K17" s="57"/>
    </row>
    <row r="18" spans="9:13" x14ac:dyDescent="0.35">
      <c r="I18" s="47"/>
      <c r="J18" s="57"/>
      <c r="K18" s="57"/>
    </row>
    <row r="19" spans="9:13" x14ac:dyDescent="0.35">
      <c r="I19" s="47"/>
      <c r="J19" s="57"/>
      <c r="K19" s="57"/>
    </row>
    <row r="20" spans="9:13" x14ac:dyDescent="0.35">
      <c r="I20" s="47"/>
      <c r="J20" s="57"/>
      <c r="K20" s="57"/>
    </row>
    <row r="21" spans="9:13" x14ac:dyDescent="0.35">
      <c r="I21" s="47"/>
      <c r="J21" s="57"/>
      <c r="K21" s="57"/>
    </row>
    <row r="22" spans="9:13" x14ac:dyDescent="0.35">
      <c r="I22" s="47"/>
      <c r="J22" s="57"/>
      <c r="K22" s="57"/>
    </row>
    <row r="23" spans="9:13" x14ac:dyDescent="0.35">
      <c r="I23" s="47"/>
      <c r="J23" s="57"/>
      <c r="K23" s="57"/>
    </row>
    <row r="24" spans="9:13" x14ac:dyDescent="0.35">
      <c r="J24" s="57"/>
    </row>
    <row r="25" spans="9:13" x14ac:dyDescent="0.35">
      <c r="J25" s="57"/>
    </row>
    <row r="26" spans="9:13" x14ac:dyDescent="0.35">
      <c r="J26" s="57"/>
    </row>
    <row r="27" spans="9:13" x14ac:dyDescent="0.35">
      <c r="J27" s="57"/>
    </row>
    <row r="28" spans="9:13" ht="13.9" x14ac:dyDescent="0.4">
      <c r="K28" s="60"/>
    </row>
    <row r="29" spans="9:13" x14ac:dyDescent="0.35">
      <c r="J29" s="61"/>
    </row>
    <row r="30" spans="9:13" x14ac:dyDescent="0.35">
      <c r="I30" s="56"/>
      <c r="J30" s="62"/>
      <c r="K30" s="62"/>
      <c r="L30" s="63"/>
      <c r="M30" s="63"/>
    </row>
    <row r="31" spans="9:13" x14ac:dyDescent="0.35">
      <c r="I31" s="56"/>
      <c r="J31" s="62"/>
      <c r="K31" s="62"/>
      <c r="L31" s="63"/>
      <c r="M31" s="63"/>
    </row>
    <row r="32" spans="9:13" x14ac:dyDescent="0.35">
      <c r="I32" s="56"/>
      <c r="J32" s="62"/>
      <c r="K32" s="62"/>
      <c r="L32" s="63"/>
      <c r="M32" s="63"/>
    </row>
    <row r="33" spans="9:13" x14ac:dyDescent="0.35">
      <c r="I33" s="56"/>
      <c r="J33" s="62"/>
      <c r="K33" s="62"/>
      <c r="L33" s="63"/>
      <c r="M33" s="63"/>
    </row>
    <row r="34" spans="9:13" x14ac:dyDescent="0.35">
      <c r="I34" s="56"/>
      <c r="J34" s="62"/>
      <c r="K34" s="62"/>
      <c r="L34" s="63"/>
      <c r="M34" s="63"/>
    </row>
    <row r="35" spans="9:13" x14ac:dyDescent="0.35">
      <c r="I35" s="56"/>
      <c r="J35" s="62"/>
      <c r="K35" s="62"/>
      <c r="L35" s="63"/>
      <c r="M35" s="63"/>
    </row>
    <row r="36" spans="9:13" x14ac:dyDescent="0.35">
      <c r="J36" s="62"/>
      <c r="K36" s="62"/>
    </row>
    <row r="37" spans="9:13" x14ac:dyDescent="0.35">
      <c r="J37" s="62"/>
      <c r="K37" s="62"/>
    </row>
  </sheetData>
  <hyperlinks>
    <hyperlink ref="I1" location="Contents!A1" display="&lt;&lt;&lt; back to content" xr:uid="{0E525E66-EF48-4E7E-B643-43703C63A499}"/>
    <hyperlink ref="A4" r:id="rId1" display="'https://www.adb.org/ado2020" xr:uid="{82ADC779-BEB7-446E-846D-4D875FA8E759}"/>
  </hyperlinks>
  <pageMargins left="0.75" right="0.75" top="1" bottom="1" header="0.5" footer="0.5"/>
  <pageSetup scale="93" orientation="landscape" r:id="rId2"/>
  <headerFooter alignWithMargins="0"/>
  <drawing r:id="rId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EDCB2BF-346F-4C72-8F87-F2AD3D00D995}">
  <sheetPr>
    <pageSetUpPr fitToPage="1"/>
  </sheetPr>
  <dimension ref="A1:M37"/>
  <sheetViews>
    <sheetView showGridLines="0" zoomScale="80" zoomScaleNormal="80" workbookViewId="0">
      <selection activeCell="P31" sqref="P31"/>
    </sheetView>
  </sheetViews>
  <sheetFormatPr defaultColWidth="9.59765625" defaultRowHeight="13.5" x14ac:dyDescent="0.35"/>
  <cols>
    <col min="1" max="6" width="9.59765625" style="42"/>
    <col min="7" max="7" width="3.33203125" style="43" customWidth="1"/>
    <col min="8" max="8" width="3.33203125" style="41" customWidth="1"/>
    <col min="9" max="9" width="9.59765625" style="45"/>
    <col min="10" max="10" width="11.19921875" style="45" bestFit="1" customWidth="1"/>
    <col min="11" max="12" width="12.3984375" style="45" customWidth="1"/>
    <col min="13" max="13" width="14.1328125" style="45" bestFit="1" customWidth="1"/>
    <col min="14" max="16384" width="9.59765625" style="45"/>
  </cols>
  <sheetData>
    <row r="1" spans="1:13" x14ac:dyDescent="0.35">
      <c r="A1" s="40" t="s">
        <v>2</v>
      </c>
      <c r="B1" s="41"/>
      <c r="C1" s="41"/>
      <c r="D1" s="41"/>
      <c r="E1" s="41"/>
      <c r="I1" s="44" t="s">
        <v>3</v>
      </c>
    </row>
    <row r="2" spans="1:13" x14ac:dyDescent="0.35">
      <c r="A2" s="46" t="s">
        <v>51</v>
      </c>
      <c r="B2" s="41"/>
      <c r="C2" s="41"/>
      <c r="D2" s="41"/>
      <c r="E2" s="41"/>
      <c r="I2" s="47"/>
    </row>
    <row r="3" spans="1:13" ht="13.9" x14ac:dyDescent="0.4">
      <c r="A3" s="40" t="s">
        <v>4</v>
      </c>
      <c r="B3" s="41"/>
      <c r="C3" s="41"/>
      <c r="D3" s="41"/>
      <c r="E3" s="41"/>
      <c r="I3" s="48" t="s">
        <v>79</v>
      </c>
    </row>
    <row r="4" spans="1:13" x14ac:dyDescent="0.35">
      <c r="A4" s="49" t="s">
        <v>12</v>
      </c>
      <c r="B4" s="41"/>
      <c r="C4" s="41"/>
      <c r="D4" s="41"/>
      <c r="E4" s="41"/>
      <c r="I4" s="45" t="s">
        <v>52</v>
      </c>
      <c r="M4" s="50"/>
    </row>
    <row r="5" spans="1:13" x14ac:dyDescent="0.35">
      <c r="A5" s="51"/>
    </row>
    <row r="6" spans="1:13" x14ac:dyDescent="0.35">
      <c r="A6" s="41"/>
      <c r="J6" s="52"/>
      <c r="K6" s="52"/>
      <c r="L6" s="52"/>
    </row>
    <row r="7" spans="1:13" ht="23.65" thickBot="1" x14ac:dyDescent="0.4">
      <c r="I7" s="53"/>
      <c r="J7" s="64" t="s">
        <v>80</v>
      </c>
      <c r="K7" s="64" t="s">
        <v>53</v>
      </c>
      <c r="L7" s="55"/>
    </row>
    <row r="8" spans="1:13" ht="13.9" thickTop="1" x14ac:dyDescent="0.35">
      <c r="I8" s="47">
        <v>2015</v>
      </c>
      <c r="J8" s="57">
        <v>2.1043898023834431</v>
      </c>
      <c r="K8" s="57">
        <v>2.4380869139631591</v>
      </c>
      <c r="L8" s="58"/>
    </row>
    <row r="9" spans="1:13" x14ac:dyDescent="0.35">
      <c r="I9" s="47">
        <v>2016</v>
      </c>
      <c r="J9" s="57">
        <v>2.0757922730294767</v>
      </c>
      <c r="K9" s="57">
        <v>2.2183511842664387</v>
      </c>
      <c r="L9" s="58"/>
    </row>
    <row r="10" spans="1:13" x14ac:dyDescent="0.35">
      <c r="I10" s="47">
        <v>2017</v>
      </c>
      <c r="J10" s="57">
        <v>3.7993920972644384</v>
      </c>
      <c r="K10" s="57">
        <v>2.6455153987609124</v>
      </c>
      <c r="L10" s="58"/>
    </row>
    <row r="11" spans="1:13" x14ac:dyDescent="0.35">
      <c r="I11" s="47">
        <v>2018</v>
      </c>
      <c r="J11" s="57">
        <v>0.96911385344768519</v>
      </c>
      <c r="K11" s="57">
        <v>2.4183357069832181</v>
      </c>
      <c r="L11" s="58"/>
    </row>
    <row r="12" spans="1:13" x14ac:dyDescent="0.35">
      <c r="I12" s="47">
        <v>2019</v>
      </c>
      <c r="J12" s="57">
        <v>0.6628918657643712</v>
      </c>
      <c r="K12" s="57">
        <v>1.9223159783778829</v>
      </c>
      <c r="L12" s="58"/>
    </row>
    <row r="13" spans="1:13" x14ac:dyDescent="0.35">
      <c r="I13" s="47">
        <v>2020</v>
      </c>
      <c r="J13" s="57">
        <v>1.3</v>
      </c>
      <c r="K13" s="57">
        <v>1.7614380179011946</v>
      </c>
      <c r="L13" s="59" t="s">
        <v>78</v>
      </c>
    </row>
    <row r="14" spans="1:13" x14ac:dyDescent="0.35">
      <c r="I14" s="47">
        <v>2021</v>
      </c>
      <c r="J14" s="57">
        <v>1.5</v>
      </c>
      <c r="K14" s="57">
        <v>1.6462795632952989</v>
      </c>
      <c r="L14" s="59" t="s">
        <v>78</v>
      </c>
    </row>
    <row r="15" spans="1:13" x14ac:dyDescent="0.35">
      <c r="I15" s="47"/>
      <c r="J15" s="57"/>
      <c r="K15" s="57"/>
    </row>
    <row r="16" spans="1:13" x14ac:dyDescent="0.35">
      <c r="I16" s="47" t="s">
        <v>77</v>
      </c>
      <c r="J16" s="57"/>
      <c r="K16" s="57"/>
    </row>
    <row r="17" spans="9:13" x14ac:dyDescent="0.35">
      <c r="J17" s="57"/>
      <c r="K17" s="57"/>
    </row>
    <row r="18" spans="9:13" x14ac:dyDescent="0.35">
      <c r="I18" s="47"/>
      <c r="J18" s="57"/>
      <c r="K18" s="57"/>
    </row>
    <row r="19" spans="9:13" x14ac:dyDescent="0.35">
      <c r="I19" s="47"/>
      <c r="J19" s="57"/>
      <c r="K19" s="57"/>
    </row>
    <row r="20" spans="9:13" x14ac:dyDescent="0.35">
      <c r="I20" s="47"/>
      <c r="J20" s="57"/>
      <c r="K20" s="57"/>
    </row>
    <row r="21" spans="9:13" x14ac:dyDescent="0.35">
      <c r="I21" s="47"/>
      <c r="J21" s="57"/>
      <c r="K21" s="57"/>
    </row>
    <row r="22" spans="9:13" x14ac:dyDescent="0.35">
      <c r="I22" s="47"/>
      <c r="J22" s="57"/>
      <c r="K22" s="57"/>
    </row>
    <row r="23" spans="9:13" x14ac:dyDescent="0.35">
      <c r="I23" s="47"/>
      <c r="J23" s="57"/>
      <c r="K23" s="57"/>
    </row>
    <row r="24" spans="9:13" x14ac:dyDescent="0.35">
      <c r="J24" s="57"/>
    </row>
    <row r="25" spans="9:13" x14ac:dyDescent="0.35">
      <c r="J25" s="57"/>
    </row>
    <row r="26" spans="9:13" x14ac:dyDescent="0.35">
      <c r="J26" s="57"/>
    </row>
    <row r="27" spans="9:13" x14ac:dyDescent="0.35">
      <c r="J27" s="57"/>
    </row>
    <row r="28" spans="9:13" ht="13.9" x14ac:dyDescent="0.4">
      <c r="K28" s="60"/>
    </row>
    <row r="29" spans="9:13" x14ac:dyDescent="0.35">
      <c r="J29" s="61"/>
    </row>
    <row r="30" spans="9:13" x14ac:dyDescent="0.35">
      <c r="I30" s="56"/>
      <c r="J30" s="62"/>
      <c r="K30" s="62"/>
      <c r="L30" s="63"/>
      <c r="M30" s="63"/>
    </row>
    <row r="31" spans="9:13" x14ac:dyDescent="0.35">
      <c r="I31" s="56"/>
      <c r="J31" s="62"/>
      <c r="K31" s="62"/>
      <c r="L31" s="63"/>
      <c r="M31" s="63"/>
    </row>
    <row r="32" spans="9:13" x14ac:dyDescent="0.35">
      <c r="I32" s="56"/>
      <c r="J32" s="62"/>
      <c r="K32" s="62"/>
      <c r="L32" s="63"/>
      <c r="M32" s="63"/>
    </row>
    <row r="33" spans="9:13" x14ac:dyDescent="0.35">
      <c r="I33" s="56"/>
      <c r="J33" s="62"/>
      <c r="K33" s="62"/>
      <c r="L33" s="63"/>
      <c r="M33" s="63"/>
    </row>
    <row r="34" spans="9:13" x14ac:dyDescent="0.35">
      <c r="I34" s="56"/>
      <c r="J34" s="62"/>
      <c r="K34" s="62"/>
      <c r="L34" s="63"/>
      <c r="M34" s="63"/>
    </row>
    <row r="35" spans="9:13" x14ac:dyDescent="0.35">
      <c r="I35" s="56"/>
      <c r="J35" s="62"/>
      <c r="K35" s="62"/>
      <c r="L35" s="63"/>
      <c r="M35" s="63"/>
    </row>
    <row r="36" spans="9:13" x14ac:dyDescent="0.35">
      <c r="J36" s="62"/>
      <c r="K36" s="62"/>
    </row>
    <row r="37" spans="9:13" x14ac:dyDescent="0.35">
      <c r="J37" s="62"/>
      <c r="K37" s="62"/>
    </row>
  </sheetData>
  <hyperlinks>
    <hyperlink ref="I1" location="Contents!A1" display="&lt;&lt;&lt; back to content" xr:uid="{21D2D3BC-D233-479A-BCBB-8F6216590EFF}"/>
    <hyperlink ref="A4" r:id="rId1" display="'https://www.adb.org/ado2020" xr:uid="{02A92068-134C-43EE-9640-6E12FE73F20D}"/>
  </hyperlinks>
  <pageMargins left="0.75" right="0.75" top="1" bottom="1" header="0.5" footer="0.5"/>
  <pageSetup scale="93" orientation="landscape" r:id="rId2"/>
  <headerFooter alignWithMargins="0"/>
  <drawing r:id="rId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CD6BA3-6D93-43EB-8D53-E92DA50BA63D}">
  <sheetPr>
    <pageSetUpPr fitToPage="1"/>
  </sheetPr>
  <dimension ref="A1:M46"/>
  <sheetViews>
    <sheetView showGridLines="0" zoomScale="80" zoomScaleNormal="80" workbookViewId="0">
      <selection activeCell="P31" sqref="P31"/>
    </sheetView>
  </sheetViews>
  <sheetFormatPr defaultColWidth="9.59765625" defaultRowHeight="13.5" x14ac:dyDescent="0.35"/>
  <cols>
    <col min="1" max="6" width="9.59765625" style="42"/>
    <col min="7" max="7" width="3.33203125" style="43" customWidth="1"/>
    <col min="8" max="8" width="3.33203125" style="41" customWidth="1"/>
    <col min="9" max="9" width="9.59765625" style="45"/>
    <col min="10" max="10" width="11.19921875" style="45" bestFit="1" customWidth="1"/>
    <col min="11" max="12" width="12.3984375" style="45" customWidth="1"/>
    <col min="13" max="13" width="14.1328125" style="45" bestFit="1" customWidth="1"/>
    <col min="14" max="16384" width="9.59765625" style="45"/>
  </cols>
  <sheetData>
    <row r="1" spans="1:13" x14ac:dyDescent="0.35">
      <c r="A1" s="40" t="s">
        <v>2</v>
      </c>
      <c r="B1" s="41"/>
      <c r="C1" s="41"/>
      <c r="D1" s="41"/>
      <c r="E1" s="41"/>
      <c r="I1" s="44" t="s">
        <v>3</v>
      </c>
    </row>
    <row r="2" spans="1:13" x14ac:dyDescent="0.35">
      <c r="A2" s="46" t="s">
        <v>51</v>
      </c>
      <c r="B2" s="41"/>
      <c r="C2" s="41"/>
      <c r="D2" s="41"/>
      <c r="E2" s="41"/>
      <c r="I2" s="47"/>
    </row>
    <row r="3" spans="1:13" ht="13.9" x14ac:dyDescent="0.4">
      <c r="A3" s="40" t="s">
        <v>4</v>
      </c>
      <c r="B3" s="41"/>
      <c r="C3" s="41"/>
      <c r="D3" s="41"/>
      <c r="E3" s="41"/>
      <c r="I3" s="48" t="s">
        <v>26</v>
      </c>
    </row>
    <row r="4" spans="1:13" x14ac:dyDescent="0.35">
      <c r="A4" s="49" t="s">
        <v>12</v>
      </c>
      <c r="B4" s="41"/>
      <c r="C4" s="41"/>
      <c r="D4" s="41"/>
      <c r="E4" s="41"/>
      <c r="I4" s="45" t="s">
        <v>82</v>
      </c>
      <c r="M4" s="50"/>
    </row>
    <row r="5" spans="1:13" x14ac:dyDescent="0.35">
      <c r="A5" s="51"/>
    </row>
    <row r="6" spans="1:13" x14ac:dyDescent="0.35">
      <c r="A6" s="41"/>
      <c r="J6" s="52"/>
      <c r="K6" s="52"/>
      <c r="L6" s="52"/>
    </row>
    <row r="7" spans="1:13" ht="13.9" thickBot="1" x14ac:dyDescent="0.4">
      <c r="I7" s="53"/>
      <c r="J7" s="64" t="s">
        <v>31</v>
      </c>
      <c r="K7" s="64" t="s">
        <v>32</v>
      </c>
      <c r="L7" s="55"/>
    </row>
    <row r="8" spans="1:13" ht="14.65" thickTop="1" x14ac:dyDescent="0.45">
      <c r="I8" s="68">
        <v>42736</v>
      </c>
      <c r="J8" s="57">
        <v>8.2393728717427024</v>
      </c>
      <c r="K8" s="57">
        <v>10.217549875646441</v>
      </c>
      <c r="L8" s="58"/>
    </row>
    <row r="9" spans="1:13" ht="14.25" x14ac:dyDescent="0.45">
      <c r="I9" s="68">
        <v>42767</v>
      </c>
      <c r="J9" s="57">
        <v>12.285124527016796</v>
      </c>
      <c r="K9" s="57">
        <v>13.437475831851534</v>
      </c>
      <c r="L9" s="58"/>
    </row>
    <row r="10" spans="1:13" ht="14.25" x14ac:dyDescent="0.45">
      <c r="I10" s="68">
        <v>42795</v>
      </c>
      <c r="J10" s="69">
        <v>14.898129874103025</v>
      </c>
      <c r="K10" s="69">
        <v>20.446351180192636</v>
      </c>
      <c r="L10" s="58"/>
    </row>
    <row r="11" spans="1:13" ht="14.25" x14ac:dyDescent="0.45">
      <c r="I11" s="68">
        <v>42826</v>
      </c>
      <c r="J11" s="69">
        <v>13.709069692412749</v>
      </c>
      <c r="K11" s="69">
        <v>19.605714968971895</v>
      </c>
      <c r="L11" s="58"/>
    </row>
    <row r="12" spans="1:13" ht="14.25" x14ac:dyDescent="0.45">
      <c r="I12" s="68">
        <v>42856</v>
      </c>
      <c r="J12" s="69">
        <v>15.186369058192247</v>
      </c>
      <c r="K12" s="69">
        <v>19.725132093086867</v>
      </c>
      <c r="L12" s="58"/>
    </row>
    <row r="13" spans="1:13" ht="14.25" x14ac:dyDescent="0.45">
      <c r="I13" s="68">
        <v>42887</v>
      </c>
      <c r="J13" s="69">
        <v>11.943407860743747</v>
      </c>
      <c r="K13" s="69">
        <v>9.7852520593745052</v>
      </c>
      <c r="L13" s="59"/>
    </row>
    <row r="14" spans="1:13" ht="14.25" x14ac:dyDescent="0.45">
      <c r="I14" s="68">
        <v>42917</v>
      </c>
      <c r="J14" s="69">
        <v>17.129383990003578</v>
      </c>
      <c r="K14" s="69">
        <v>10.983172462758356</v>
      </c>
      <c r="L14" s="59"/>
    </row>
    <row r="15" spans="1:13" ht="14.25" x14ac:dyDescent="0.45">
      <c r="I15" s="68">
        <v>42948</v>
      </c>
      <c r="J15" s="69">
        <v>13.801684424253006</v>
      </c>
      <c r="K15" s="69">
        <v>9.040782064969088</v>
      </c>
    </row>
    <row r="16" spans="1:13" ht="14.25" x14ac:dyDescent="0.45">
      <c r="I16" s="68">
        <v>42979</v>
      </c>
      <c r="J16" s="69">
        <v>16.078900067089108</v>
      </c>
      <c r="K16" s="69">
        <v>13.77499875279006</v>
      </c>
    </row>
    <row r="17" spans="9:13" ht="14.25" x14ac:dyDescent="0.45">
      <c r="I17" s="68">
        <v>43009</v>
      </c>
      <c r="J17" s="69">
        <v>14.016340312077835</v>
      </c>
      <c r="K17" s="69">
        <v>15.542206038453164</v>
      </c>
    </row>
    <row r="18" spans="9:13" ht="14.25" x14ac:dyDescent="0.45">
      <c r="I18" s="68">
        <v>43040</v>
      </c>
      <c r="J18" s="69">
        <v>15.659060928296682</v>
      </c>
      <c r="K18" s="69">
        <v>17.165197822333777</v>
      </c>
    </row>
    <row r="19" spans="9:13" ht="14.25" x14ac:dyDescent="0.45">
      <c r="I19" s="68">
        <v>43070</v>
      </c>
      <c r="J19" s="69">
        <v>16.738534408726832</v>
      </c>
      <c r="K19" s="69">
        <v>19.036611689285351</v>
      </c>
    </row>
    <row r="20" spans="9:13" ht="14.25" x14ac:dyDescent="0.45">
      <c r="I20" s="68">
        <v>43101</v>
      </c>
      <c r="J20" s="69">
        <v>22.333417638908355</v>
      </c>
      <c r="K20" s="69">
        <v>21.254565456521402</v>
      </c>
    </row>
    <row r="21" spans="9:13" ht="14.25" x14ac:dyDescent="0.45">
      <c r="I21" s="68">
        <v>43132</v>
      </c>
      <c r="J21" s="69">
        <v>19.842062906578544</v>
      </c>
      <c r="K21" s="69">
        <v>18.260845019449928</v>
      </c>
    </row>
    <row r="22" spans="9:13" ht="14.25" x14ac:dyDescent="0.45">
      <c r="I22" s="68">
        <v>43160</v>
      </c>
      <c r="J22" s="69">
        <v>20.414596118408294</v>
      </c>
      <c r="K22" s="69">
        <v>13.21687481422074</v>
      </c>
    </row>
    <row r="23" spans="9:13" ht="14.25" x14ac:dyDescent="0.45">
      <c r="I23" s="68">
        <v>43191</v>
      </c>
      <c r="J23" s="69">
        <v>19.034691168180611</v>
      </c>
      <c r="K23" s="69">
        <v>12.577062314915159</v>
      </c>
    </row>
    <row r="24" spans="9:13" ht="14.25" x14ac:dyDescent="0.45">
      <c r="I24" s="68">
        <v>43221</v>
      </c>
      <c r="J24" s="69">
        <v>19.845711850597237</v>
      </c>
      <c r="K24" s="69">
        <v>12.483831575371809</v>
      </c>
    </row>
    <row r="25" spans="9:13" ht="14.25" x14ac:dyDescent="0.45">
      <c r="I25" s="68">
        <v>43252</v>
      </c>
      <c r="J25" s="69">
        <v>19.619692913606645</v>
      </c>
      <c r="K25" s="69">
        <v>19.572299572007655</v>
      </c>
    </row>
    <row r="26" spans="9:13" ht="14.25" x14ac:dyDescent="0.45">
      <c r="I26" s="68">
        <v>43282</v>
      </c>
      <c r="J26" s="69">
        <v>15.308374077780337</v>
      </c>
      <c r="K26" s="69">
        <v>17.3970639948277</v>
      </c>
    </row>
    <row r="27" spans="9:13" ht="14.25" x14ac:dyDescent="0.45">
      <c r="I27" s="68">
        <v>43313</v>
      </c>
      <c r="J27" s="69">
        <v>12.252046342109827</v>
      </c>
      <c r="K27" s="69">
        <v>19.575072196342479</v>
      </c>
    </row>
    <row r="28" spans="9:13" ht="14.25" x14ac:dyDescent="0.45">
      <c r="I28" s="68">
        <v>43344</v>
      </c>
      <c r="J28" s="69">
        <v>9.9436596449754546</v>
      </c>
      <c r="K28" s="69">
        <v>11.155342402932765</v>
      </c>
    </row>
    <row r="29" spans="9:13" ht="14.25" x14ac:dyDescent="0.45">
      <c r="I29" s="68">
        <v>43374</v>
      </c>
      <c r="J29" s="69">
        <v>11.378500110120944</v>
      </c>
      <c r="K29" s="69">
        <v>9.8265357411865093</v>
      </c>
    </row>
    <row r="30" spans="9:13" ht="14.25" x14ac:dyDescent="0.45">
      <c r="I30" s="68">
        <v>43405</v>
      </c>
      <c r="J30" s="69">
        <v>10.532892038769015</v>
      </c>
      <c r="K30" s="69">
        <v>5.6459797457603473</v>
      </c>
      <c r="L30" s="63"/>
      <c r="M30" s="63"/>
    </row>
    <row r="31" spans="9:13" ht="14.25" x14ac:dyDescent="0.45">
      <c r="I31" s="68">
        <v>43435</v>
      </c>
      <c r="J31" s="69">
        <v>8.731960689459191</v>
      </c>
      <c r="K31" s="69">
        <v>5.7144832276960784</v>
      </c>
      <c r="L31" s="63"/>
      <c r="M31" s="63"/>
    </row>
    <row r="32" spans="9:13" ht="14.25" x14ac:dyDescent="0.45">
      <c r="I32" s="68">
        <v>43466</v>
      </c>
      <c r="J32" s="69">
        <v>1.3926925922639555</v>
      </c>
      <c r="K32" s="69">
        <v>0.19490235840800571</v>
      </c>
      <c r="L32" s="63"/>
      <c r="M32" s="63"/>
    </row>
    <row r="33" spans="9:13" ht="14.25" x14ac:dyDescent="0.45">
      <c r="I33" s="68">
        <v>43497</v>
      </c>
      <c r="J33" s="69">
        <v>-2.433502508525256</v>
      </c>
      <c r="K33" s="69">
        <v>-5.6589608434181473</v>
      </c>
      <c r="L33" s="63"/>
      <c r="M33" s="63"/>
    </row>
    <row r="34" spans="9:13" ht="14.25" x14ac:dyDescent="0.45">
      <c r="I34" s="68">
        <v>43525</v>
      </c>
      <c r="J34" s="69">
        <v>-5.3114226342231019</v>
      </c>
      <c r="K34" s="69">
        <v>-6.9077710282888161</v>
      </c>
      <c r="L34" s="63"/>
      <c r="M34" s="63"/>
    </row>
    <row r="35" spans="9:13" ht="14.25" x14ac:dyDescent="0.45">
      <c r="I35" s="68">
        <v>43556</v>
      </c>
      <c r="J35" s="69">
        <v>-6.5090249842091437</v>
      </c>
      <c r="K35" s="69">
        <v>-6.4600182877831429</v>
      </c>
      <c r="L35" s="63"/>
      <c r="M35" s="63"/>
    </row>
    <row r="36" spans="9:13" ht="14.25" x14ac:dyDescent="0.45">
      <c r="I36" s="68">
        <v>43586</v>
      </c>
      <c r="J36" s="69">
        <v>-4.5504821237380826</v>
      </c>
      <c r="K36" s="69">
        <v>-3.2838896216792457</v>
      </c>
    </row>
    <row r="37" spans="9:13" ht="14.25" x14ac:dyDescent="0.45">
      <c r="I37" s="68">
        <v>43617</v>
      </c>
      <c r="J37" s="69">
        <v>-5.2090062455706017</v>
      </c>
      <c r="K37" s="69">
        <v>-6.1765324908065322</v>
      </c>
    </row>
    <row r="38" spans="9:13" ht="14.25" x14ac:dyDescent="0.45">
      <c r="I38" s="68">
        <v>43647</v>
      </c>
      <c r="J38" s="69">
        <v>-3.6016247212005319</v>
      </c>
      <c r="K38" s="69">
        <v>-8.1981869204225095</v>
      </c>
    </row>
    <row r="39" spans="9:13" ht="14.25" x14ac:dyDescent="0.45">
      <c r="I39" s="68">
        <v>43678</v>
      </c>
      <c r="J39" s="69">
        <v>-3.4547124452638847</v>
      </c>
      <c r="K39" s="69">
        <v>-11.826992394108848</v>
      </c>
    </row>
    <row r="40" spans="9:13" ht="14.25" x14ac:dyDescent="0.45">
      <c r="I40" s="68">
        <v>43709</v>
      </c>
      <c r="J40" s="69">
        <v>-3.6497605256425771</v>
      </c>
      <c r="K40" s="69">
        <v>-6.986529975471214</v>
      </c>
    </row>
    <row r="41" spans="9:13" ht="14.25" x14ac:dyDescent="0.45">
      <c r="I41" s="68">
        <v>43739</v>
      </c>
      <c r="J41" s="69">
        <v>-6.0638510684603091</v>
      </c>
      <c r="K41" s="69">
        <v>-7.5524503999212032</v>
      </c>
    </row>
    <row r="42" spans="9:13" ht="14.25" x14ac:dyDescent="0.45">
      <c r="I42" s="68">
        <v>43770</v>
      </c>
      <c r="J42" s="69">
        <v>-6.6583545198395102</v>
      </c>
      <c r="K42" s="69">
        <v>-3.702046057189198</v>
      </c>
    </row>
    <row r="43" spans="9:13" ht="14.25" x14ac:dyDescent="0.45">
      <c r="I43" s="68">
        <v>43800</v>
      </c>
      <c r="J43" s="69">
        <v>-2.9744105701819876</v>
      </c>
      <c r="K43" s="69">
        <v>-3.5854745190047432</v>
      </c>
    </row>
    <row r="44" spans="9:13" ht="14.25" x14ac:dyDescent="0.45">
      <c r="I44" s="68">
        <v>43831</v>
      </c>
      <c r="J44" s="69">
        <v>-0.7363756693115846</v>
      </c>
      <c r="K44" s="69">
        <v>-0.98617425242600143</v>
      </c>
    </row>
    <row r="46" spans="9:13" x14ac:dyDescent="0.35">
      <c r="I46" s="70" t="s">
        <v>81</v>
      </c>
    </row>
  </sheetData>
  <hyperlinks>
    <hyperlink ref="I1" location="Contents!A1" display="&lt;&lt;&lt; back to content" xr:uid="{BBEE7579-3788-4595-8FCF-36D659393621}"/>
    <hyperlink ref="A4" r:id="rId1" display="'https://www.adb.org/ado2020" xr:uid="{14CE6E3D-C638-43FA-8FE1-4B698336C53D}"/>
  </hyperlinks>
  <pageMargins left="0.75" right="0.75" top="1" bottom="1" header="0.5" footer="0.5"/>
  <pageSetup scale="93" orientation="landscape" r:id="rId2"/>
  <headerFooter alignWithMargins="0"/>
  <drawing r:id="rId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SharedContentType xmlns="Microsoft.SharePoint.Taxonomy.ContentTypeSync" SourceId="33baf70b-9d20-46e6-a2d2-5b92398ba0bc" ContentTypeId="0x0101008911345A3DAEDD4C94E405931CFDF635" PreviousValue="true"/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p030e467f78f45b4ae8f7e2c17ea4d82 xmlns="c1fdd505-2570-46c2-bd04-3e0f2d874cf5">
      <Terms xmlns="http://schemas.microsoft.com/office/infopath/2007/PartnerControls"/>
    </p030e467f78f45b4ae8f7e2c17ea4d82>
    <j78542b1fffc4a1c84659474212e3133 xmlns="c1fdd505-2570-46c2-bd04-3e0f2d874cf5">
      <Terms xmlns="http://schemas.microsoft.com/office/infopath/2007/PartnerControls">
        <TermInfo xmlns="http://schemas.microsoft.com/office/infopath/2007/PartnerControls">
          <TermName xmlns="http://schemas.microsoft.com/office/infopath/2007/PartnerControls">ERCD</TermName>
          <TermId xmlns="http://schemas.microsoft.com/office/infopath/2007/PartnerControls">ab3ec0c9-2ce1-477e-8dd0-15d1f7f6b467</TermId>
        </TermInfo>
      </Terms>
    </j78542b1fffc4a1c84659474212e3133>
    <a37ff23a602146d4934a49238d370ca5 xmlns="c1fdd505-2570-46c2-bd04-3e0f2d874cf5">
      <Terms xmlns="http://schemas.microsoft.com/office/infopath/2007/PartnerControls"/>
    </a37ff23a602146d4934a49238d370ca5>
    <k985dbdc596c44d7acaf8184f33920f0 xmlns="c1fdd505-2570-46c2-bd04-3e0f2d874cf5">
      <Terms xmlns="http://schemas.microsoft.com/office/infopath/2007/PartnerControls"/>
    </k985dbdc596c44d7acaf8184f33920f0>
    <ia017ac09b1942648b563fe0b2b14d52 xmlns="c1fdd505-2570-46c2-bd04-3e0f2d874cf5">
      <Terms xmlns="http://schemas.microsoft.com/office/infopath/2007/PartnerControls">
        <TermInfo xmlns="http://schemas.microsoft.com/office/infopath/2007/PartnerControls">
          <TermName xmlns="http://schemas.microsoft.com/office/infopath/2007/PartnerControls">ERMR</TermName>
          <TermId xmlns="http://schemas.microsoft.com/office/infopath/2007/PartnerControls">1b0f6326-b8c9-47db-9084-1685569433b2</TermId>
        </TermInfo>
      </Terms>
    </ia017ac09b1942648b563fe0b2b14d52>
    <d61536b25a8a4fedb48bb564279be82a xmlns="c1fdd505-2570-46c2-bd04-3e0f2d874cf5">
      <Terms xmlns="http://schemas.microsoft.com/office/infopath/2007/PartnerControls">
        <TermInfo xmlns="http://schemas.microsoft.com/office/infopath/2007/PartnerControls">
          <TermName xmlns="http://schemas.microsoft.com/office/infopath/2007/PartnerControls">ERCD</TermName>
          <TermId xmlns="http://schemas.microsoft.com/office/infopath/2007/PartnerControls">ab3ec0c9-2ce1-477e-8dd0-15d1f7f6b467</TermId>
        </TermInfo>
      </Terms>
    </d61536b25a8a4fedb48bb564279be82a>
    <TaxCatchAll xmlns="c1fdd505-2570-46c2-bd04-3e0f2d874cf5">
      <Value>4</Value>
      <Value>3</Value>
      <Value>1</Value>
      <Value>7</Value>
    </TaxCatchAll>
    <h00e4aaaf4624e24a7df7f06faa038c6 xmlns="c1fdd505-2570-46c2-bd04-3e0f2d874cf5">
      <Terms xmlns="http://schemas.microsoft.com/office/infopath/2007/PartnerControls">
        <TermInfo xmlns="http://schemas.microsoft.com/office/infopath/2007/PartnerControls">
          <TermName xmlns="http://schemas.microsoft.com/office/infopath/2007/PartnerControls">English</TermName>
          <TermId xmlns="http://schemas.microsoft.com/office/infopath/2007/PartnerControls">16ac8743-31bb-43f8-9a73-533a041667d6</TermId>
        </TermInfo>
      </Terms>
    </h00e4aaaf4624e24a7df7f06faa038c6>
    <d01a0ce1b141461dbfb235a3ab729a2c xmlns="c1fdd505-2570-46c2-bd04-3e0f2d874cf5">
      <Terms xmlns="http://schemas.microsoft.com/office/infopath/2007/PartnerControls"/>
    </d01a0ce1b141461dbfb235a3ab729a2c>
    <ADBDocumentDate xmlns="c1fdd505-2570-46c2-bd04-3e0f2d874cf5" xsi:nil="true"/>
    <ADBMonth xmlns="c1fdd505-2570-46c2-bd04-3e0f2d874cf5" xsi:nil="true"/>
    <ADBYear xmlns="c1fdd505-2570-46c2-bd04-3e0f2d874cf5" xsi:nil="true"/>
    <ADBAuthors xmlns="c1fdd505-2570-46c2-bd04-3e0f2d874cf5">
      <UserInfo>
        <DisplayName/>
        <AccountId xsi:nil="true"/>
        <AccountType/>
      </UserInfo>
    </ADBAuthors>
    <ADBSourceLink xmlns="c1fdd505-2570-46c2-bd04-3e0f2d874cf5">
      <Url xsi:nil="true"/>
      <Description xsi:nil="true"/>
    </ADBSourceLink>
    <ADBDocumentTypeValue xmlns="c1fdd505-2570-46c2-bd04-3e0f2d874cf5" xsi:nil="true"/>
    <ADBCirculatedLink xmlns="c1fdd505-2570-46c2-bd04-3e0f2d874cf5">
      <Url xsi:nil="true"/>
      <Description xsi:nil="true"/>
    </ADBCirculatedLink>
  </documentManagement>
</p:properti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ADB Document" ma:contentTypeID="0x0101008911345A3DAEDD4C94E405931CFDF6350075C31A5F33A77E40BA1F86CEAE0D6E0F" ma:contentTypeVersion="18" ma:contentTypeDescription="" ma:contentTypeScope="" ma:versionID="f0449bf2994fc9ed2ad5d841f121bbdf">
  <xsd:schema xmlns:xsd="http://www.w3.org/2001/XMLSchema" xmlns:xs="http://www.w3.org/2001/XMLSchema" xmlns:p="http://schemas.microsoft.com/office/2006/metadata/properties" xmlns:ns2="c1fdd505-2570-46c2-bd04-3e0f2d874cf5" xmlns:ns3="7262f74e-a7f8-4dc3-a24f-59b8c79c3e7b" targetNamespace="http://schemas.microsoft.com/office/2006/metadata/properties" ma:root="true" ma:fieldsID="fadb9d97a35fa11b6c113f3dde8d2320" ns2:_="" ns3:_="">
    <xsd:import namespace="c1fdd505-2570-46c2-bd04-3e0f2d874cf5"/>
    <xsd:import namespace="7262f74e-a7f8-4dc3-a24f-59b8c79c3e7b"/>
    <xsd:element name="properties">
      <xsd:complexType>
        <xsd:sequence>
          <xsd:element name="documentManagement">
            <xsd:complexType>
              <xsd:all>
                <xsd:element ref="ns2:ADBDocumentDate" minOccurs="0"/>
                <xsd:element ref="ns2:ADBMonth" minOccurs="0"/>
                <xsd:element ref="ns2:ADBYear" minOccurs="0"/>
                <xsd:element ref="ns2:ADBAuthors" minOccurs="0"/>
                <xsd:element ref="ns2:ADBSourceLink" minOccurs="0"/>
                <xsd:element ref="ns2:ADBCirculatedLink" minOccurs="0"/>
                <xsd:element ref="ns2:d61536b25a8a4fedb48bb564279be82a" minOccurs="0"/>
                <xsd:element ref="ns2:h00e4aaaf4624e24a7df7f06faa038c6" minOccurs="0"/>
                <xsd:element ref="ns2:k985dbdc596c44d7acaf8184f33920f0" minOccurs="0"/>
                <xsd:element ref="ns2:a37ff23a602146d4934a49238d370ca5" minOccurs="0"/>
                <xsd:element ref="ns2:TaxCatchAllLabel" minOccurs="0"/>
                <xsd:element ref="ns2:TaxCatchAll" minOccurs="0"/>
                <xsd:element ref="ns2:d01a0ce1b141461dbfb235a3ab729a2c" minOccurs="0"/>
                <xsd:element ref="ns2:p030e467f78f45b4ae8f7e2c17ea4d82" minOccurs="0"/>
                <xsd:element ref="ns2:j78542b1fffc4a1c84659474212e3133" minOccurs="0"/>
                <xsd:element ref="ns2:ADBDocumentTypeValue" minOccurs="0"/>
                <xsd:element ref="ns2:ia017ac09b1942648b563fe0b2b14d52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1fdd505-2570-46c2-bd04-3e0f2d874cf5" elementFormDefault="qualified">
    <xsd:import namespace="http://schemas.microsoft.com/office/2006/documentManagement/types"/>
    <xsd:import namespace="http://schemas.microsoft.com/office/infopath/2007/PartnerControls"/>
    <xsd:element name="ADBDocumentDate" ma:index="3" nillable="true" ma:displayName="Document Date" ma:format="DateOnly" ma:internalName="ADBDocumentDate">
      <xsd:simpleType>
        <xsd:restriction base="dms:DateTime"/>
      </xsd:simpleType>
    </xsd:element>
    <xsd:element name="ADBMonth" ma:index="4" nillable="true" ma:displayName="Month" ma:format="Dropdown" ma:internalName="ADBMonth">
      <xsd:simpleType>
        <xsd:restriction base="dms:Choice">
          <xsd:enumeration value="01-Jan"/>
          <xsd:enumeration value="02-Feb"/>
          <xsd:enumeration value="03-Mar"/>
          <xsd:enumeration value="04-Apr"/>
          <xsd:enumeration value="05-May"/>
          <xsd:enumeration value="06-Jun"/>
          <xsd:enumeration value="07-Jul"/>
          <xsd:enumeration value="08-Aug"/>
          <xsd:enumeration value="09-Sep"/>
          <xsd:enumeration value="10-Oct"/>
          <xsd:enumeration value="11-Nov"/>
          <xsd:enumeration value="12-Dec"/>
        </xsd:restriction>
      </xsd:simpleType>
    </xsd:element>
    <xsd:element name="ADBYear" ma:index="5" nillable="true" ma:displayName="Year" ma:internalName="ADBYear">
      <xsd:simpleType>
        <xsd:restriction base="dms:Text">
          <xsd:maxLength value="4"/>
        </xsd:restriction>
      </xsd:simpleType>
    </xsd:element>
    <xsd:element name="ADBAuthors" ma:index="6" nillable="true" ma:displayName="Authors" ma:list="UserInfo" ma:SharePointGroup="0" ma:internalName="ADBAuthors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DBSourceLink" ma:index="13" nillable="true" ma:displayName="Source Link" ma:format="Hyperlink" ma:internalName="ADBSourceLink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ADBCirculatedLink" ma:index="14" nillable="true" ma:displayName="Final Document Link" ma:format="Hyperlink" ma:internalName="ADBCirculatedLink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d61536b25a8a4fedb48bb564279be82a" ma:index="16" nillable="true" ma:taxonomy="true" ma:internalName="d61536b25a8a4fedb48bb564279be82a" ma:taxonomyFieldName="ADBDepartmentOwner" ma:displayName="Department Owner" ma:default="" ma:fieldId="{d61536b2-5a8a-4fed-b48b-b564279be82a}" ma:sspId="115af50e-efb3-4a0e-b425-875ff625e09e" ma:termSetId="b965cdb6-1071-4c6a-a9a3-189d53a950d4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h00e4aaaf4624e24a7df7f06faa038c6" ma:index="18" nillable="true" ma:taxonomy="true" ma:internalName="h00e4aaaf4624e24a7df7f06faa038c6" ma:taxonomyFieldName="ADBDocumentLanguage" ma:displayName="Document Language" ma:default="1;#English|16ac8743-31bb-43f8-9a73-533a041667d6" ma:fieldId="{100e4aaa-f462-4e24-a7df-7f06faa038c6}" ma:sspId="115af50e-efb3-4a0e-b425-875ff625e09e" ma:termSetId="fdf74959-6eb2-4689-a0fc-b9e1ab230b09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k985dbdc596c44d7acaf8184f33920f0" ma:index="20" nillable="true" ma:taxonomy="true" ma:internalName="k985dbdc596c44d7acaf8184f33920f0" ma:taxonomyFieldName="ADBCountry" ma:displayName="Country" ma:default="" ma:fieldId="{4985dbdc-596c-44d7-acaf-8184f33920f0}" ma:sspId="115af50e-efb3-4a0e-b425-875ff625e09e" ma:termSetId="169202c7-46da-431e-ac86-348c41a1f49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a37ff23a602146d4934a49238d370ca5" ma:index="21" nillable="true" ma:taxonomy="true" ma:internalName="a37ff23a602146d4934a49238d370ca5" ma:taxonomyFieldName="ADBDocumentType" ma:displayName="ADB Document Type" ma:default="" ma:fieldId="{a37ff23a-6021-46d4-934a-49238d370ca5}" ma:sspId="115af50e-efb3-4a0e-b425-875ff625e09e" ma:termSetId="ebf26521-a829-4b24-b73e-5e500b1bc1d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CatchAllLabel" ma:index="22" nillable="true" ma:displayName="Taxonomy Catch All Column1" ma:hidden="true" ma:list="{2abf7e98-c22a-43b4-b40c-4c6f4d2d5830}" ma:internalName="TaxCatchAllLabel" ma:readOnly="true" ma:showField="CatchAllDataLabel" ma:web="0194400f-db8c-4bb9-acc2-b4cfa8a4e7f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" ma:index="23" nillable="true" ma:displayName="Taxonomy Catch All Column" ma:hidden="true" ma:list="{2abf7e98-c22a-43b4-b40c-4c6f4d2d5830}" ma:internalName="TaxCatchAll" ma:showField="CatchAllData" ma:web="0194400f-db8c-4bb9-acc2-b4cfa8a4e7f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01a0ce1b141461dbfb235a3ab729a2c" ma:index="24" nillable="true" ma:taxonomy="true" ma:internalName="d01a0ce1b141461dbfb235a3ab729a2c" ma:taxonomyFieldName="ADBSector" ma:displayName="Sector" ma:default="" ma:fieldId="{d01a0ce1-b141-461d-bfb2-35a3ab729a2c}" ma:sspId="115af50e-efb3-4a0e-b425-875ff625e09e" ma:termSetId="bae01210-cdc5-4479-86d7-616c28c0a9b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p030e467f78f45b4ae8f7e2c17ea4d82" ma:index="28" nillable="true" ma:taxonomy="true" ma:internalName="p030e467f78f45b4ae8f7e2c17ea4d82" ma:taxonomyFieldName="ADBDocumentSecurity" ma:displayName="Document Security" ma:default="" ma:fieldId="{9030e467-f78f-45b4-ae8f-7e2c17ea4d82}" ma:sspId="115af50e-efb3-4a0e-b425-875ff625e09e" ma:termSetId="9b0b4686-afa9-4a02-bc15-8fbc99f17210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j78542b1fffc4a1c84659474212e3133" ma:index="30" nillable="true" ma:taxonomy="true" ma:internalName="j78542b1fffc4a1c84659474212e3133" ma:taxonomyFieldName="ADBContentGroup" ma:displayName="Content Group" ma:readOnly="false" ma:default="3;#ERCD|ab3ec0c9-2ce1-477e-8dd0-15d1f7f6b467" ma:fieldId="{378542b1-fffc-4a1c-8465-9474212e3133}" ma:taxonomyMulti="true" ma:sspId="115af50e-efb3-4a0e-b425-875ff625e09e" ma:termSetId="2a9ffbee-93a5-418b-bcdb-8d6817936e6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ADBDocumentTypeValue" ma:index="31" nillable="true" ma:displayName="Document Type" ma:hidden="true" ma:internalName="ADBDocumentTypeValue" ma:readOnly="false">
      <xsd:simpleType>
        <xsd:restriction base="dms:Text">
          <xsd:maxLength value="255"/>
        </xsd:restriction>
      </xsd:simpleType>
    </xsd:element>
    <xsd:element name="ia017ac09b1942648b563fe0b2b14d52" ma:index="32" nillable="true" ma:taxonomy="true" ma:internalName="ia017ac09b1942648b563fe0b2b14d52" ma:taxonomyFieldName="ADBDivision" ma:displayName="Division" ma:default="" ma:fieldId="{2a017ac0-9b19-4264-8b56-3fe0b2b14d52}" ma:sspId="115af50e-efb3-4a0e-b425-875ff625e09e" ma:termSetId="d736278f-2140-40cc-b46b-6a0ab0de2d29" ma:anchorId="00000000-0000-0000-0000-00000000000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262f74e-a7f8-4dc3-a24f-59b8c79c3e7b" elementFormDefault="qualified">
    <xsd:import namespace="http://schemas.microsoft.com/office/2006/documentManagement/types"/>
    <xsd:import namespace="http://schemas.microsoft.com/office/infopath/2007/PartnerControls"/>
    <xsd:element name="MediaServiceAutoKeyPoints" ma:index="3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3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5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64A010BE-A934-462F-BA16-96C3B04E6226}">
  <ds:schemaRefs>
    <ds:schemaRef ds:uri="Microsoft.SharePoint.Taxonomy.ContentTypeSync"/>
  </ds:schemaRefs>
</ds:datastoreItem>
</file>

<file path=customXml/itemProps2.xml><?xml version="1.0" encoding="utf-8"?>
<ds:datastoreItem xmlns:ds="http://schemas.openxmlformats.org/officeDocument/2006/customXml" ds:itemID="{07ABAFB6-778F-4CD0-811C-905489F8A72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7175F15-E170-4702-82C5-F812C6CCC7E6}">
  <ds:schemaRefs>
    <ds:schemaRef ds:uri="http://purl.org/dc/terms/"/>
    <ds:schemaRef ds:uri="c1fdd505-2570-46c2-bd04-3e0f2d874cf5"/>
    <ds:schemaRef ds:uri="http://schemas.microsoft.com/office/2006/documentManagement/types"/>
    <ds:schemaRef ds:uri="7262f74e-a7f8-4dc3-a24f-59b8c79c3e7b"/>
    <ds:schemaRef ds:uri="http://purl.org/dc/elements/1.1/"/>
    <ds:schemaRef ds:uri="http://schemas.microsoft.com/office/2006/metadata/properties"/>
    <ds:schemaRef ds:uri="http://schemas.openxmlformats.org/package/2006/metadata/core-properties"/>
    <ds:schemaRef ds:uri="http://schemas.microsoft.com/office/infopath/2007/PartnerControls"/>
    <ds:schemaRef ds:uri="http://www.w3.org/XML/1998/namespace"/>
    <ds:schemaRef ds:uri="http://purl.org/dc/dcmitype/"/>
  </ds:schemaRefs>
</ds:datastoreItem>
</file>

<file path=customXml/itemProps4.xml><?xml version="1.0" encoding="utf-8"?>
<ds:datastoreItem xmlns:ds="http://schemas.openxmlformats.org/officeDocument/2006/customXml" ds:itemID="{F62DA5E6-A687-4098-9A1B-46429C8E331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1fdd505-2570-46c2-bd04-3e0f2d874cf5"/>
    <ds:schemaRef ds:uri="7262f74e-a7f8-4dc3-a24f-59b8c79c3e7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0</vt:i4>
      </vt:variant>
      <vt:variant>
        <vt:lpstr>Named Ranges</vt:lpstr>
      </vt:variant>
      <vt:variant>
        <vt:i4>5</vt:i4>
      </vt:variant>
    </vt:vector>
  </HeadingPairs>
  <TitlesOfParts>
    <vt:vector size="15" baseType="lpstr">
      <vt:lpstr>Contents</vt:lpstr>
      <vt:lpstr>3.26.1</vt:lpstr>
      <vt:lpstr>3.26.2</vt:lpstr>
      <vt:lpstr>3.26.3</vt:lpstr>
      <vt:lpstr>3.26.4</vt:lpstr>
      <vt:lpstr>3.26.5</vt:lpstr>
      <vt:lpstr>3.26.6</vt:lpstr>
      <vt:lpstr>3.26.7</vt:lpstr>
      <vt:lpstr>3.26.8</vt:lpstr>
      <vt:lpstr>3.26.9</vt:lpstr>
      <vt:lpstr>'3.26.5'!Print_Area</vt:lpstr>
      <vt:lpstr>'3.26.6'!Print_Area</vt:lpstr>
      <vt:lpstr>'3.26.7'!Print_Area</vt:lpstr>
      <vt:lpstr>'3.26.8'!Print_Area</vt:lpstr>
      <vt:lpstr>'3.26.9'!Print_Area</vt:lpstr>
    </vt:vector>
  </TitlesOfParts>
  <Manager/>
  <Company>Asian Development Bank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sian Development Outlook 2020</dc:title>
  <dc:subject/>
  <dc:creator>ADB</dc:creator>
  <cp:keywords>Malaysia</cp:keywords>
  <dc:description/>
  <cp:lastModifiedBy>Shiela Camingue-Romance</cp:lastModifiedBy>
  <cp:revision/>
  <dcterms:created xsi:type="dcterms:W3CDTF">2016-03-02T05:09:31Z</dcterms:created>
  <dcterms:modified xsi:type="dcterms:W3CDTF">2020-04-27T08:36:00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DBDepartmentOwner">
    <vt:lpwstr>4;#ERCD|ab3ec0c9-2ce1-477e-8dd0-15d1f7f6b467</vt:lpwstr>
  </property>
  <property fmtid="{D5CDD505-2E9C-101B-9397-08002B2CF9AE}" pid="3" name="ADBCountry">
    <vt:lpwstr/>
  </property>
  <property fmtid="{D5CDD505-2E9C-101B-9397-08002B2CF9AE}" pid="4" name="ContentTypeId">
    <vt:lpwstr>0x0101008911345A3DAEDD4C94E405931CFDF6350075C31A5F33A77E40BA1F86CEAE0D6E0F</vt:lpwstr>
  </property>
  <property fmtid="{D5CDD505-2E9C-101B-9397-08002B2CF9AE}" pid="5" name="ADBContentGroup">
    <vt:lpwstr>3;#ERCD|ab3ec0c9-2ce1-477e-8dd0-15d1f7f6b467</vt:lpwstr>
  </property>
  <property fmtid="{D5CDD505-2E9C-101B-9397-08002B2CF9AE}" pid="6" name="ADBDivision">
    <vt:lpwstr>7;#ERMR|1b0f6326-b8c9-47db-9084-1685569433b2</vt:lpwstr>
  </property>
  <property fmtid="{D5CDD505-2E9C-101B-9397-08002B2CF9AE}" pid="7" name="ADBSector">
    <vt:lpwstr/>
  </property>
  <property fmtid="{D5CDD505-2E9C-101B-9397-08002B2CF9AE}" pid="8" name="ADBDocumentSecurity">
    <vt:lpwstr/>
  </property>
  <property fmtid="{D5CDD505-2E9C-101B-9397-08002B2CF9AE}" pid="9" name="ADBDocumentLanguage">
    <vt:lpwstr>1;#English|16ac8743-31bb-43f8-9a73-533a041667d6</vt:lpwstr>
  </property>
  <property fmtid="{D5CDD505-2E9C-101B-9397-08002B2CF9AE}" pid="10" name="ADBDocumentType">
    <vt:lpwstr/>
  </property>
</Properties>
</file>